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20219月　ファイル変換（国籍調査HP他）\経済センサス\経済センサス‐活動調査\平成28年経済センサスー活動調査結果〈産業横断的集計〉\"/>
    </mc:Choice>
  </mc:AlternateContent>
  <bookViews>
    <workbookView xWindow="0" yWindow="0" windowWidth="20490" windowHeight="7680"/>
  </bookViews>
  <sheets>
    <sheet name="大阪市" sheetId="2" r:id="rId1"/>
    <sheet name="1_北区" sheetId="3" r:id="rId2"/>
    <sheet name="2_都島区" sheetId="4" r:id="rId3"/>
    <sheet name="3_福島区" sheetId="5" r:id="rId4"/>
    <sheet name="4_此花区" sheetId="6" r:id="rId5"/>
    <sheet name="5_中央区" sheetId="7" r:id="rId6"/>
    <sheet name="6_西区" sheetId="8" r:id="rId7"/>
    <sheet name="7_港区" sheetId="9" r:id="rId8"/>
    <sheet name="8_大正区" sheetId="10" r:id="rId9"/>
    <sheet name="9_天王寺区" sheetId="11" r:id="rId10"/>
    <sheet name="10_浪速区" sheetId="12" r:id="rId11"/>
    <sheet name="11_西淀川区" sheetId="13" r:id="rId12"/>
    <sheet name="12_淀川区" sheetId="14" r:id="rId13"/>
    <sheet name="13_東淀川区" sheetId="15" r:id="rId14"/>
    <sheet name="14_東成区" sheetId="16" r:id="rId15"/>
    <sheet name="15_生野区" sheetId="17" r:id="rId16"/>
    <sheet name="16_旭区" sheetId="18" r:id="rId17"/>
    <sheet name="17_城東区" sheetId="19" r:id="rId18"/>
    <sheet name="18_鶴見区" sheetId="20" r:id="rId19"/>
    <sheet name="19_阿倍野区" sheetId="21" r:id="rId20"/>
    <sheet name="20_住之江区" sheetId="22" r:id="rId21"/>
    <sheet name="21_住吉区" sheetId="23" r:id="rId22"/>
    <sheet name="22_東住吉区" sheetId="24" r:id="rId23"/>
    <sheet name="23_平野区" sheetId="25" r:id="rId24"/>
    <sheet name="24_西成区" sheetId="26" r:id="rId25"/>
  </sheets>
  <definedNames>
    <definedName name="_xlnm._FilterDatabase" localSheetId="1" hidden="1">'1_北区'!$A$6:$Q$25</definedName>
    <definedName name="_xlnm._FilterDatabase" localSheetId="10" hidden="1">'10_浪速区'!$A$6:$Q$25</definedName>
    <definedName name="_xlnm._FilterDatabase" localSheetId="11" hidden="1">'11_西淀川区'!$A$6:$Q$25</definedName>
    <definedName name="_xlnm._FilterDatabase" localSheetId="12" hidden="1">'12_淀川区'!$A$6:$Q$25</definedName>
    <definedName name="_xlnm._FilterDatabase" localSheetId="13" hidden="1">'13_東淀川区'!$A$6:$Q$25</definedName>
    <definedName name="_xlnm._FilterDatabase" localSheetId="14" hidden="1">'14_東成区'!$A$6:$Q$25</definedName>
    <definedName name="_xlnm._FilterDatabase" localSheetId="15" hidden="1">'15_生野区'!$A$6:$Q$25</definedName>
    <definedName name="_xlnm._FilterDatabase" localSheetId="16" hidden="1">'16_旭区'!$A$6:$Q$25</definedName>
    <definedName name="_xlnm._FilterDatabase" localSheetId="17" hidden="1">'17_城東区'!$A$6:$Q$25</definedName>
    <definedName name="_xlnm._FilterDatabase" localSheetId="18" hidden="1">'18_鶴見区'!$A$6:$Q$25</definedName>
    <definedName name="_xlnm._FilterDatabase" localSheetId="19" hidden="1">'19_阿倍野区'!$A$6:$Q$25</definedName>
    <definedName name="_xlnm._FilterDatabase" localSheetId="2" hidden="1">'2_都島区'!$A$6:$Q$25</definedName>
    <definedName name="_xlnm._FilterDatabase" localSheetId="20" hidden="1">'20_住之江区'!$A$6:$Q$25</definedName>
    <definedName name="_xlnm._FilterDatabase" localSheetId="21" hidden="1">'21_住吉区'!$A$6:$Q$25</definedName>
    <definedName name="_xlnm._FilterDatabase" localSheetId="22" hidden="1">'22_東住吉区'!$A$6:$Q$25</definedName>
    <definedName name="_xlnm._FilterDatabase" localSheetId="23" hidden="1">'23_平野区'!$A$6:$Q$25</definedName>
    <definedName name="_xlnm._FilterDatabase" localSheetId="24" hidden="1">'24_西成区'!$A$6:$Q$25</definedName>
    <definedName name="_xlnm._FilterDatabase" localSheetId="3" hidden="1">'3_福島区'!$A$6:$Q$25</definedName>
    <definedName name="_xlnm._FilterDatabase" localSheetId="4" hidden="1">'4_此花区'!$A$6:$Q$25</definedName>
    <definedName name="_xlnm._FilterDatabase" localSheetId="5" hidden="1">'5_中央区'!$A$6:$Q$25</definedName>
    <definedName name="_xlnm._FilterDatabase" localSheetId="6" hidden="1">'6_西区'!$A$6:$Q$25</definedName>
    <definedName name="_xlnm._FilterDatabase" localSheetId="7" hidden="1">'7_港区'!$A$6:$Q$25</definedName>
    <definedName name="_xlnm._FilterDatabase" localSheetId="8" hidden="1">'8_大正区'!$A$6:$Q$25</definedName>
    <definedName name="_xlnm._FilterDatabase" localSheetId="9" hidden="1">'9_天王寺区'!$A$6:$Q$25</definedName>
    <definedName name="_xlnm._FilterDatabase" localSheetId="0" hidden="1">大阪市!$A$6:$Q$25</definedName>
    <definedName name="_xlnm.Print_Titles" localSheetId="1">'1_北区'!$1:$6</definedName>
    <definedName name="_xlnm.Print_Titles" localSheetId="10">'10_浪速区'!$1:$6</definedName>
    <definedName name="_xlnm.Print_Titles" localSheetId="11">'11_西淀川区'!$1:$6</definedName>
    <definedName name="_xlnm.Print_Titles" localSheetId="12">'12_淀川区'!$1:$6</definedName>
    <definedName name="_xlnm.Print_Titles" localSheetId="13">'13_東淀川区'!$1:$6</definedName>
    <definedName name="_xlnm.Print_Titles" localSheetId="14">'14_東成区'!$1:$6</definedName>
    <definedName name="_xlnm.Print_Titles" localSheetId="15">'15_生野区'!$1:$6</definedName>
    <definedName name="_xlnm.Print_Titles" localSheetId="16">'16_旭区'!$1:$6</definedName>
    <definedName name="_xlnm.Print_Titles" localSheetId="17">'17_城東区'!$1:$6</definedName>
    <definedName name="_xlnm.Print_Titles" localSheetId="18">'18_鶴見区'!$1:$6</definedName>
    <definedName name="_xlnm.Print_Titles" localSheetId="19">'19_阿倍野区'!$1:$6</definedName>
    <definedName name="_xlnm.Print_Titles" localSheetId="2">'2_都島区'!$1:$6</definedName>
    <definedName name="_xlnm.Print_Titles" localSheetId="20">'20_住之江区'!$1:$6</definedName>
    <definedName name="_xlnm.Print_Titles" localSheetId="21">'21_住吉区'!$1:$6</definedName>
    <definedName name="_xlnm.Print_Titles" localSheetId="22">'22_東住吉区'!$1:$6</definedName>
    <definedName name="_xlnm.Print_Titles" localSheetId="23">'23_平野区'!$1:$6</definedName>
    <definedName name="_xlnm.Print_Titles" localSheetId="24">'24_西成区'!$1:$6</definedName>
    <definedName name="_xlnm.Print_Titles" localSheetId="3">'3_福島区'!$1:$6</definedName>
    <definedName name="_xlnm.Print_Titles" localSheetId="4">'4_此花区'!$1:$6</definedName>
    <definedName name="_xlnm.Print_Titles" localSheetId="5">'5_中央区'!$1:$6</definedName>
    <definedName name="_xlnm.Print_Titles" localSheetId="6">'6_西区'!$1:$6</definedName>
    <definedName name="_xlnm.Print_Titles" localSheetId="7">'7_港区'!$1:$6</definedName>
    <definedName name="_xlnm.Print_Titles" localSheetId="8">'8_大正区'!$1:$6</definedName>
    <definedName name="_xlnm.Print_Titles" localSheetId="9">'9_天王寺区'!$1:$6</definedName>
    <definedName name="_xlnm.Print_Titles" localSheetId="0">大阪市!$1:$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76" uniqueCount="83">
  <si>
    <t>（注）男女別の不詳を含む</t>
    <rPh sb="1" eb="2">
      <t>チュウ</t>
    </rPh>
    <rPh sb="5" eb="6">
      <t>ベツ</t>
    </rPh>
    <phoneticPr fontId="5"/>
  </si>
  <si>
    <t>R</t>
  </si>
  <si>
    <t>サービス業(他に分類されないもの)</t>
  </si>
  <si>
    <t>Q</t>
  </si>
  <si>
    <t>複合サービス事業</t>
  </si>
  <si>
    <t>P</t>
  </si>
  <si>
    <t>医療，福祉</t>
  </si>
  <si>
    <t>O</t>
  </si>
  <si>
    <t>教育，学習支援業</t>
  </si>
  <si>
    <t>N</t>
  </si>
  <si>
    <t>生活関連サービス業，娯楽業</t>
  </si>
  <si>
    <t>M</t>
  </si>
  <si>
    <t>宿泊業，飲食サービス業</t>
  </si>
  <si>
    <t>L</t>
  </si>
  <si>
    <t>学術研究，専門・技術サービス業</t>
  </si>
  <si>
    <t>K</t>
  </si>
  <si>
    <t>不動産業，物品賃貸業</t>
  </si>
  <si>
    <t>J</t>
  </si>
  <si>
    <t>金融業，保険業</t>
  </si>
  <si>
    <t>I</t>
  </si>
  <si>
    <t>卸売業，小売業</t>
  </si>
  <si>
    <t>H</t>
  </si>
  <si>
    <t>運輸業，郵便業</t>
  </si>
  <si>
    <t>G</t>
  </si>
  <si>
    <t>情報通信業</t>
  </si>
  <si>
    <t>F</t>
  </si>
  <si>
    <t>電気・ガス・熱供給・水道業</t>
  </si>
  <si>
    <t>E</t>
  </si>
  <si>
    <t>製造業</t>
  </si>
  <si>
    <t>D</t>
  </si>
  <si>
    <t>建設業</t>
  </si>
  <si>
    <t>C</t>
  </si>
  <si>
    <t>鉱業，採石業，砂利採取業</t>
  </si>
  <si>
    <t>B</t>
  </si>
  <si>
    <t>-</t>
  </si>
  <si>
    <t>漁業</t>
  </si>
  <si>
    <t>A</t>
  </si>
  <si>
    <t>農業，林業</t>
  </si>
  <si>
    <t>A～R</t>
  </si>
  <si>
    <t xml:space="preserve"> 全産業（S公務を除く）</t>
    <phoneticPr fontId="5"/>
  </si>
  <si>
    <t>女</t>
    <rPh sb="0" eb="1">
      <t>オンナ</t>
    </rPh>
    <phoneticPr fontId="5"/>
  </si>
  <si>
    <t>男</t>
    <rPh sb="0" eb="1">
      <t>オトコ</t>
    </rPh>
    <phoneticPr fontId="5"/>
  </si>
  <si>
    <t>総数</t>
    <rPh sb="0" eb="2">
      <t>ソウスウ</t>
    </rPh>
    <phoneticPr fontId="5"/>
  </si>
  <si>
    <t>増減
（人）</t>
    <rPh sb="0" eb="2">
      <t>ゾウゲン</t>
    </rPh>
    <rPh sb="4" eb="5">
      <t>ニン</t>
    </rPh>
    <phoneticPr fontId="5"/>
  </si>
  <si>
    <t>増減率（％）</t>
    <rPh sb="0" eb="2">
      <t>ゾウゲン</t>
    </rPh>
    <rPh sb="2" eb="3">
      <t>リツ</t>
    </rPh>
    <phoneticPr fontId="5"/>
  </si>
  <si>
    <t>うち女</t>
  </si>
  <si>
    <t>うち男</t>
  </si>
  <si>
    <t>増減率
（％）</t>
    <rPh sb="0" eb="2">
      <t>ゾウゲン</t>
    </rPh>
    <rPh sb="2" eb="3">
      <t>リツ</t>
    </rPh>
    <phoneticPr fontId="5"/>
  </si>
  <si>
    <t>28年</t>
    <rPh sb="2" eb="3">
      <t>ネン</t>
    </rPh>
    <phoneticPr fontId="5"/>
  </si>
  <si>
    <t>24年</t>
    <rPh sb="2" eb="3">
      <t>ネン</t>
    </rPh>
    <phoneticPr fontId="5"/>
  </si>
  <si>
    <t>28年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（注）</t>
    <rPh sb="2" eb="3">
      <t>ネン</t>
    </rPh>
    <rPh sb="109" eb="110">
      <t>チュウ</t>
    </rPh>
    <phoneticPr fontId="5"/>
  </si>
  <si>
    <t>24年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（注）</t>
    <rPh sb="2" eb="3">
      <t>ネン</t>
    </rPh>
    <rPh sb="106" eb="107">
      <t>チュウ</t>
    </rPh>
    <phoneticPr fontId="5"/>
  </si>
  <si>
    <t>１事業所当たり従業者数(人)</t>
  </si>
  <si>
    <t>従業者数</t>
    <phoneticPr fontId="5"/>
  </si>
  <si>
    <t>事業所数</t>
  </si>
  <si>
    <t>産業分類</t>
    <rPh sb="0" eb="2">
      <t>サンギョウ</t>
    </rPh>
    <rPh sb="2" eb="4">
      <t>ブンルイ</t>
    </rPh>
    <phoneticPr fontId="5"/>
  </si>
  <si>
    <t>大阪市</t>
    <rPh sb="0" eb="3">
      <t>オオサカシ</t>
    </rPh>
    <phoneticPr fontId="5"/>
  </si>
  <si>
    <t>産　業　大　分　類</t>
    <rPh sb="0" eb="1">
      <t>サン</t>
    </rPh>
    <rPh sb="2" eb="3">
      <t>ギョウ</t>
    </rPh>
    <rPh sb="4" eb="5">
      <t>ダイ</t>
    </rPh>
    <rPh sb="6" eb="7">
      <t>フン</t>
    </rPh>
    <rPh sb="8" eb="9">
      <t>ルイ</t>
    </rPh>
    <phoneticPr fontId="5"/>
  </si>
  <si>
    <t>第１表　産業大分類別民営事業所数、男女別従業者数及び1事業所当たり従業者数の区別推移</t>
    <phoneticPr fontId="5"/>
  </si>
  <si>
    <t>北区</t>
    <rPh sb="0" eb="2">
      <t>キタク</t>
    </rPh>
    <phoneticPr fontId="5"/>
  </si>
  <si>
    <t>都島区</t>
    <rPh sb="0" eb="3">
      <t>ミヤコジマク</t>
    </rPh>
    <phoneticPr fontId="5"/>
  </si>
  <si>
    <t>福島区</t>
    <rPh sb="0" eb="3">
      <t>フクシマク</t>
    </rPh>
    <phoneticPr fontId="5"/>
  </si>
  <si>
    <t>此花区</t>
    <rPh sb="0" eb="3">
      <t>コノハナク</t>
    </rPh>
    <phoneticPr fontId="5"/>
  </si>
  <si>
    <t>中央区</t>
    <rPh sb="0" eb="3">
      <t>チュウオウク</t>
    </rPh>
    <phoneticPr fontId="5"/>
  </si>
  <si>
    <t>西区</t>
    <rPh sb="0" eb="2">
      <t>ニシク</t>
    </rPh>
    <phoneticPr fontId="5"/>
  </si>
  <si>
    <t>港区</t>
    <rPh sb="0" eb="2">
      <t>ミナトク</t>
    </rPh>
    <phoneticPr fontId="5"/>
  </si>
  <si>
    <t>大正区</t>
    <rPh sb="0" eb="3">
      <t>タイショウク</t>
    </rPh>
    <phoneticPr fontId="5"/>
  </si>
  <si>
    <t>天王寺区</t>
    <rPh sb="0" eb="4">
      <t>テンノウジク</t>
    </rPh>
    <phoneticPr fontId="5"/>
  </si>
  <si>
    <t>浪速区</t>
    <rPh sb="0" eb="3">
      <t>ナニワク</t>
    </rPh>
    <phoneticPr fontId="5"/>
  </si>
  <si>
    <t>西淀川区</t>
    <rPh sb="0" eb="4">
      <t>ニシヨドガワク</t>
    </rPh>
    <phoneticPr fontId="5"/>
  </si>
  <si>
    <t>淀川区</t>
    <rPh sb="0" eb="3">
      <t>ヨドガワク</t>
    </rPh>
    <phoneticPr fontId="5"/>
  </si>
  <si>
    <t>東淀川区</t>
    <rPh sb="0" eb="1">
      <t>ヒガシ</t>
    </rPh>
    <rPh sb="1" eb="4">
      <t>ヨドガワク</t>
    </rPh>
    <phoneticPr fontId="5"/>
  </si>
  <si>
    <t>東成区</t>
    <rPh sb="0" eb="3">
      <t>ヒガシナリク</t>
    </rPh>
    <phoneticPr fontId="5"/>
  </si>
  <si>
    <t>生野区</t>
    <rPh sb="0" eb="3">
      <t>イクノク</t>
    </rPh>
    <phoneticPr fontId="5"/>
  </si>
  <si>
    <t>旭区</t>
    <rPh sb="0" eb="2">
      <t>アサヒク</t>
    </rPh>
    <phoneticPr fontId="5"/>
  </si>
  <si>
    <t>城東区</t>
    <rPh sb="0" eb="3">
      <t>ジョウトウク</t>
    </rPh>
    <phoneticPr fontId="5"/>
  </si>
  <si>
    <t>鶴見区</t>
    <rPh sb="0" eb="3">
      <t>ツルミク</t>
    </rPh>
    <phoneticPr fontId="5"/>
  </si>
  <si>
    <t>阿倍野区</t>
    <rPh sb="0" eb="4">
      <t>アベノク</t>
    </rPh>
    <phoneticPr fontId="5"/>
  </si>
  <si>
    <t>住之江区</t>
    <rPh sb="0" eb="4">
      <t>スミノエク</t>
    </rPh>
    <phoneticPr fontId="5"/>
  </si>
  <si>
    <t>住吉区</t>
    <rPh sb="0" eb="3">
      <t>スミヨシク</t>
    </rPh>
    <phoneticPr fontId="5"/>
  </si>
  <si>
    <t>東住吉区</t>
    <phoneticPr fontId="5"/>
  </si>
  <si>
    <t>平野区</t>
    <phoneticPr fontId="5"/>
  </si>
  <si>
    <t>西成区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.0;&quot;▲ &quot;#,##0.0"/>
    <numFmt numFmtId="177" formatCode="#,##0;&quot;▲ &quot;#,##0"/>
  </numFmts>
  <fonts count="1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9"/>
      <color indexed="8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9"/>
      <color indexed="8"/>
      <name val="ＭＳ 明朝"/>
      <family val="1"/>
      <charset val="128"/>
    </font>
    <font>
      <sz val="6"/>
      <name val="ＭＳ Ｐゴシック"/>
      <family val="3"/>
      <charset val="128"/>
    </font>
    <font>
      <sz val="9"/>
      <color indexed="8"/>
      <name val="ＭＳ ゴシック"/>
      <family val="3"/>
      <charset val="128"/>
    </font>
    <font>
      <b/>
      <sz val="9"/>
      <color indexed="8"/>
      <name val="ＭＳ ゴシック"/>
      <family val="3"/>
      <charset val="128"/>
    </font>
    <font>
      <sz val="12"/>
      <color indexed="8"/>
      <name val="ＭＳ 明朝"/>
      <family val="1"/>
      <charset val="128"/>
    </font>
    <font>
      <sz val="9"/>
      <color theme="1"/>
      <name val="游ゴシック"/>
      <family val="3"/>
      <charset val="128"/>
      <scheme val="minor"/>
    </font>
    <font>
      <sz val="9"/>
      <color theme="1"/>
      <name val="ＭＳ 明朝"/>
      <family val="1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114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center" vertical="center"/>
    </xf>
    <xf numFmtId="0" fontId="4" fillId="0" borderId="0" xfId="1" applyFont="1">
      <alignment vertical="center"/>
    </xf>
    <xf numFmtId="0" fontId="4" fillId="0" borderId="0" xfId="1" applyFont="1" applyAlignment="1">
      <alignment horizontal="center" vertical="center"/>
    </xf>
    <xf numFmtId="0" fontId="4" fillId="0" borderId="0" xfId="1" applyFont="1" applyAlignment="1">
      <alignment horizontal="left" vertical="center"/>
    </xf>
    <xf numFmtId="0" fontId="6" fillId="0" borderId="0" xfId="1" applyFont="1">
      <alignment vertical="center"/>
    </xf>
    <xf numFmtId="0" fontId="4" fillId="0" borderId="1" xfId="1" applyFont="1" applyBorder="1" applyAlignment="1">
      <alignment horizontal="center" vertical="center"/>
    </xf>
    <xf numFmtId="176" fontId="4" fillId="0" borderId="1" xfId="1" applyNumberFormat="1" applyFont="1" applyBorder="1" applyAlignment="1">
      <alignment horizontal="right" vertical="center"/>
    </xf>
    <xf numFmtId="176" fontId="4" fillId="0" borderId="2" xfId="1" applyNumberFormat="1" applyFont="1" applyBorder="1" applyAlignment="1">
      <alignment horizontal="right" vertical="center"/>
    </xf>
    <xf numFmtId="177" fontId="4" fillId="0" borderId="2" xfId="1" applyNumberFormat="1" applyFont="1" applyBorder="1" applyAlignment="1">
      <alignment horizontal="right" vertical="center"/>
    </xf>
    <xf numFmtId="0" fontId="4" fillId="0" borderId="3" xfId="1" applyFont="1" applyBorder="1" applyAlignment="1">
      <alignment horizontal="distributed" vertical="center"/>
    </xf>
    <xf numFmtId="0" fontId="4" fillId="0" borderId="4" xfId="1" applyFont="1" applyBorder="1" applyAlignment="1">
      <alignment horizontal="distributed" vertical="center"/>
    </xf>
    <xf numFmtId="0" fontId="4" fillId="0" borderId="4" xfId="1" applyFont="1" applyBorder="1" applyAlignment="1">
      <alignment horizontal="center" vertical="center"/>
    </xf>
    <xf numFmtId="0" fontId="4" fillId="0" borderId="5" xfId="1" applyFont="1" applyBorder="1" applyAlignment="1">
      <alignment horizontal="center" vertical="center"/>
    </xf>
    <xf numFmtId="176" fontId="4" fillId="0" borderId="5" xfId="1" applyNumberFormat="1" applyFont="1" applyBorder="1" applyAlignment="1">
      <alignment horizontal="right" vertical="center"/>
    </xf>
    <xf numFmtId="177" fontId="4" fillId="0" borderId="6" xfId="1" applyNumberFormat="1" applyFont="1" applyBorder="1" applyAlignment="1">
      <alignment horizontal="right" vertical="center"/>
    </xf>
    <xf numFmtId="176" fontId="4" fillId="0" borderId="6" xfId="1" applyNumberFormat="1" applyFont="1" applyBorder="1" applyAlignment="1">
      <alignment horizontal="right" vertical="center"/>
    </xf>
    <xf numFmtId="0" fontId="4" fillId="0" borderId="7" xfId="1" applyFont="1" applyBorder="1" applyAlignment="1">
      <alignment horizontal="distributed" vertical="center"/>
    </xf>
    <xf numFmtId="0" fontId="4" fillId="0" borderId="0" xfId="1" applyFont="1" applyBorder="1" applyAlignment="1">
      <alignment horizontal="distributed" vertical="center"/>
    </xf>
    <xf numFmtId="0" fontId="4" fillId="0" borderId="0" xfId="1" applyFont="1" applyBorder="1" applyAlignment="1">
      <alignment horizontal="center" vertical="center"/>
    </xf>
    <xf numFmtId="0" fontId="7" fillId="0" borderId="0" xfId="1" applyFont="1">
      <alignment vertical="center"/>
    </xf>
    <xf numFmtId="0" fontId="7" fillId="0" borderId="8" xfId="1" applyFont="1" applyBorder="1" applyAlignment="1">
      <alignment horizontal="center" vertical="center"/>
    </xf>
    <xf numFmtId="176" fontId="7" fillId="0" borderId="8" xfId="1" applyNumberFormat="1" applyFont="1" applyBorder="1" applyAlignment="1">
      <alignment horizontal="right" vertical="center"/>
    </xf>
    <xf numFmtId="177" fontId="7" fillId="0" borderId="9" xfId="1" applyNumberFormat="1" applyFont="1" applyBorder="1" applyAlignment="1">
      <alignment horizontal="right" vertical="center"/>
    </xf>
    <xf numFmtId="176" fontId="7" fillId="0" borderId="9" xfId="1" applyNumberFormat="1" applyFont="1" applyBorder="1" applyAlignment="1">
      <alignment horizontal="right" vertical="center"/>
    </xf>
    <xf numFmtId="0" fontId="7" fillId="0" borderId="10" xfId="1" applyFont="1" applyBorder="1" applyAlignment="1">
      <alignment horizontal="distributed" vertical="distributed"/>
    </xf>
    <xf numFmtId="0" fontId="7" fillId="0" borderId="11" xfId="1" applyFont="1" applyBorder="1" applyAlignment="1">
      <alignment horizontal="distributed" vertical="distributed"/>
    </xf>
    <xf numFmtId="0" fontId="7" fillId="0" borderId="11" xfId="1" applyFont="1" applyBorder="1" applyAlignment="1">
      <alignment horizontal="center" vertical="center"/>
    </xf>
    <xf numFmtId="0" fontId="4" fillId="0" borderId="12" xfId="1" applyFont="1" applyBorder="1" applyAlignment="1">
      <alignment horizontal="center" vertical="center" wrapText="1"/>
    </xf>
    <xf numFmtId="0" fontId="4" fillId="0" borderId="12" xfId="1" applyFont="1" applyBorder="1" applyAlignment="1">
      <alignment horizontal="center" vertical="center"/>
    </xf>
    <xf numFmtId="0" fontId="4" fillId="0" borderId="13" xfId="1" applyFont="1" applyBorder="1" applyAlignment="1">
      <alignment horizontal="center" vertical="center" wrapText="1"/>
    </xf>
    <xf numFmtId="0" fontId="4" fillId="0" borderId="12" xfId="1" applyFont="1" applyBorder="1" applyAlignment="1">
      <alignment horizontal="center" vertical="center"/>
    </xf>
    <xf numFmtId="0" fontId="4" fillId="0" borderId="13" xfId="1" applyFont="1" applyBorder="1" applyAlignment="1">
      <alignment horizontal="center" vertical="center"/>
    </xf>
    <xf numFmtId="0" fontId="4" fillId="0" borderId="14" xfId="1" applyFont="1" applyBorder="1" applyAlignment="1">
      <alignment horizontal="center" vertical="center"/>
    </xf>
    <xf numFmtId="0" fontId="4" fillId="0" borderId="15" xfId="1" applyFont="1" applyBorder="1" applyAlignment="1">
      <alignment horizontal="center" vertical="center"/>
    </xf>
    <xf numFmtId="0" fontId="4" fillId="0" borderId="5" xfId="1" applyFont="1" applyBorder="1" applyAlignment="1">
      <alignment horizontal="center" vertical="center" wrapText="1"/>
    </xf>
    <xf numFmtId="0" fontId="4" fillId="0" borderId="16" xfId="1" applyFont="1" applyBorder="1" applyAlignment="1">
      <alignment horizontal="center" vertical="center" wrapText="1"/>
    </xf>
    <xf numFmtId="0" fontId="4" fillId="0" borderId="5" xfId="1" applyFont="1" applyBorder="1" applyAlignment="1">
      <alignment horizontal="center" vertical="center"/>
    </xf>
    <xf numFmtId="0" fontId="4" fillId="0" borderId="6" xfId="1" applyFont="1" applyBorder="1" applyAlignment="1">
      <alignment horizontal="center" vertical="center" wrapText="1"/>
    </xf>
    <xf numFmtId="0" fontId="4" fillId="0" borderId="17" xfId="1" applyFont="1" applyBorder="1" applyAlignment="1">
      <alignment horizontal="center" vertical="center"/>
    </xf>
    <xf numFmtId="0" fontId="4" fillId="0" borderId="18" xfId="1" applyFont="1" applyBorder="1" applyAlignment="1">
      <alignment horizontal="center" vertical="center"/>
    </xf>
    <xf numFmtId="0" fontId="4" fillId="0" borderId="19" xfId="1" applyFont="1" applyBorder="1" applyAlignment="1">
      <alignment horizontal="center" vertical="center"/>
    </xf>
    <xf numFmtId="0" fontId="4" fillId="0" borderId="20" xfId="1" applyFont="1" applyBorder="1" applyAlignment="1">
      <alignment horizontal="center" vertical="center"/>
    </xf>
    <xf numFmtId="0" fontId="4" fillId="0" borderId="20" xfId="1" applyFont="1" applyBorder="1" applyAlignment="1">
      <alignment horizontal="center" vertical="center" wrapText="1"/>
    </xf>
    <xf numFmtId="0" fontId="4" fillId="0" borderId="6" xfId="1" applyFont="1" applyBorder="1" applyAlignment="1">
      <alignment horizontal="center" vertical="center"/>
    </xf>
    <xf numFmtId="0" fontId="4" fillId="0" borderId="21" xfId="1" applyFont="1" applyBorder="1" applyAlignment="1">
      <alignment horizontal="center" vertical="center"/>
    </xf>
    <xf numFmtId="0" fontId="4" fillId="0" borderId="18" xfId="1" applyFont="1" applyBorder="1" applyAlignment="1">
      <alignment horizontal="center" vertical="center"/>
    </xf>
    <xf numFmtId="0" fontId="4" fillId="0" borderId="16" xfId="1" applyFont="1" applyBorder="1" applyAlignment="1">
      <alignment horizontal="center" vertical="center"/>
    </xf>
    <xf numFmtId="0" fontId="4" fillId="0" borderId="21" xfId="1" applyFont="1" applyBorder="1" applyAlignment="1">
      <alignment vertical="center"/>
    </xf>
    <xf numFmtId="0" fontId="4" fillId="0" borderId="22" xfId="1" applyFont="1" applyBorder="1" applyAlignment="1">
      <alignment vertical="center"/>
    </xf>
    <xf numFmtId="0" fontId="4" fillId="0" borderId="17" xfId="1" applyFont="1" applyBorder="1" applyAlignment="1">
      <alignment horizontal="center" vertical="center"/>
    </xf>
    <xf numFmtId="0" fontId="4" fillId="0" borderId="18" xfId="1" applyFont="1" applyBorder="1" applyAlignment="1">
      <alignment horizontal="center" vertical="center" wrapText="1"/>
    </xf>
    <xf numFmtId="0" fontId="4" fillId="0" borderId="19" xfId="1" applyFont="1" applyBorder="1" applyAlignment="1">
      <alignment horizontal="center" vertical="center" wrapText="1"/>
    </xf>
    <xf numFmtId="0" fontId="4" fillId="0" borderId="22" xfId="1" applyFont="1" applyBorder="1" applyAlignment="1">
      <alignment horizontal="center" vertical="center"/>
    </xf>
    <xf numFmtId="0" fontId="4" fillId="0" borderId="23" xfId="1" applyFont="1" applyBorder="1" applyAlignment="1">
      <alignment horizontal="center" vertical="center"/>
    </xf>
    <xf numFmtId="0" fontId="8" fillId="0" borderId="0" xfId="1" applyFont="1" applyBorder="1" applyAlignment="1">
      <alignment horizontal="center" vertical="center"/>
    </xf>
    <xf numFmtId="0" fontId="8" fillId="0" borderId="4" xfId="1" applyFont="1" applyBorder="1" applyAlignment="1">
      <alignment vertical="center"/>
    </xf>
    <xf numFmtId="0" fontId="9" fillId="0" borderId="0" xfId="1" applyFont="1">
      <alignment vertical="center"/>
    </xf>
    <xf numFmtId="0" fontId="9" fillId="0" borderId="0" xfId="1" applyFont="1" applyAlignment="1">
      <alignment horizontal="center" vertical="center"/>
    </xf>
    <xf numFmtId="0" fontId="10" fillId="0" borderId="0" xfId="1" applyFont="1">
      <alignment vertical="center"/>
    </xf>
    <xf numFmtId="0" fontId="10" fillId="0" borderId="0" xfId="1" applyFont="1" applyAlignment="1">
      <alignment horizontal="center" vertical="center"/>
    </xf>
    <xf numFmtId="0" fontId="11" fillId="0" borderId="0" xfId="1" applyFont="1">
      <alignment vertical="center"/>
    </xf>
    <xf numFmtId="0" fontId="10" fillId="0" borderId="1" xfId="1" applyFont="1" applyBorder="1" applyAlignment="1">
      <alignment horizontal="center" vertical="center"/>
    </xf>
    <xf numFmtId="176" fontId="10" fillId="0" borderId="1" xfId="1" applyNumberFormat="1" applyFont="1" applyBorder="1" applyAlignment="1">
      <alignment horizontal="right" vertical="center"/>
    </xf>
    <xf numFmtId="177" fontId="10" fillId="0" borderId="2" xfId="1" applyNumberFormat="1" applyFont="1" applyBorder="1" applyAlignment="1">
      <alignment horizontal="right" vertical="center"/>
    </xf>
    <xf numFmtId="176" fontId="10" fillId="0" borderId="2" xfId="1" applyNumberFormat="1" applyFont="1" applyBorder="1" applyAlignment="1">
      <alignment horizontal="right" vertical="center"/>
    </xf>
    <xf numFmtId="0" fontId="10" fillId="0" borderId="3" xfId="1" applyFont="1" applyBorder="1" applyAlignment="1">
      <alignment horizontal="distributed" vertical="center"/>
    </xf>
    <xf numFmtId="0" fontId="10" fillId="0" borderId="4" xfId="1" applyFont="1" applyBorder="1" applyAlignment="1">
      <alignment horizontal="distributed" vertical="center"/>
    </xf>
    <xf numFmtId="0" fontId="10" fillId="0" borderId="4" xfId="1" applyFont="1" applyBorder="1" applyAlignment="1">
      <alignment horizontal="center" vertical="center"/>
    </xf>
    <xf numFmtId="0" fontId="10" fillId="0" borderId="5" xfId="1" applyFont="1" applyBorder="1" applyAlignment="1">
      <alignment horizontal="center" vertical="center"/>
    </xf>
    <xf numFmtId="176" fontId="10" fillId="0" borderId="5" xfId="1" applyNumberFormat="1" applyFont="1" applyBorder="1" applyAlignment="1">
      <alignment horizontal="right" vertical="center"/>
    </xf>
    <xf numFmtId="177" fontId="10" fillId="0" borderId="6" xfId="1" applyNumberFormat="1" applyFont="1" applyBorder="1" applyAlignment="1">
      <alignment horizontal="right" vertical="center"/>
    </xf>
    <xf numFmtId="176" fontId="10" fillId="0" borderId="6" xfId="1" applyNumberFormat="1" applyFont="1" applyBorder="1" applyAlignment="1">
      <alignment horizontal="right" vertical="center"/>
    </xf>
    <xf numFmtId="0" fontId="10" fillId="0" borderId="7" xfId="1" applyFont="1" applyBorder="1" applyAlignment="1">
      <alignment horizontal="distributed" vertical="center"/>
    </xf>
    <xf numFmtId="0" fontId="10" fillId="0" borderId="0" xfId="1" applyFont="1" applyBorder="1" applyAlignment="1">
      <alignment horizontal="distributed" vertical="center"/>
    </xf>
    <xf numFmtId="0" fontId="10" fillId="0" borderId="0" xfId="1" applyFont="1" applyBorder="1" applyAlignment="1">
      <alignment horizontal="center" vertical="center"/>
    </xf>
    <xf numFmtId="0" fontId="12" fillId="0" borderId="0" xfId="1" applyFont="1">
      <alignment vertical="center"/>
    </xf>
    <xf numFmtId="0" fontId="12" fillId="0" borderId="8" xfId="1" applyFont="1" applyBorder="1" applyAlignment="1">
      <alignment horizontal="center" vertical="center"/>
    </xf>
    <xf numFmtId="176" fontId="12" fillId="0" borderId="8" xfId="1" applyNumberFormat="1" applyFont="1" applyBorder="1" applyAlignment="1">
      <alignment horizontal="right" vertical="center"/>
    </xf>
    <xf numFmtId="177" fontId="12" fillId="0" borderId="9" xfId="1" applyNumberFormat="1" applyFont="1" applyBorder="1" applyAlignment="1">
      <alignment horizontal="right" vertical="center"/>
    </xf>
    <xf numFmtId="176" fontId="12" fillId="0" borderId="9" xfId="1" applyNumberFormat="1" applyFont="1" applyBorder="1" applyAlignment="1">
      <alignment horizontal="right" vertical="center"/>
    </xf>
    <xf numFmtId="0" fontId="12" fillId="0" borderId="10" xfId="1" applyFont="1" applyBorder="1" applyAlignment="1">
      <alignment horizontal="distributed" vertical="distributed"/>
    </xf>
    <xf numFmtId="0" fontId="12" fillId="0" borderId="11" xfId="1" applyFont="1" applyBorder="1" applyAlignment="1">
      <alignment horizontal="distributed" vertical="distributed"/>
    </xf>
    <xf numFmtId="0" fontId="12" fillId="0" borderId="11" xfId="1" applyFont="1" applyBorder="1" applyAlignment="1">
      <alignment horizontal="center" vertical="center"/>
    </xf>
    <xf numFmtId="0" fontId="10" fillId="0" borderId="12" xfId="1" applyFont="1" applyBorder="1" applyAlignment="1">
      <alignment horizontal="center" vertical="center" wrapText="1"/>
    </xf>
    <xf numFmtId="0" fontId="10" fillId="0" borderId="12" xfId="1" applyFont="1" applyBorder="1" applyAlignment="1">
      <alignment horizontal="center" vertical="center"/>
    </xf>
    <xf numFmtId="0" fontId="10" fillId="0" borderId="13" xfId="1" applyFont="1" applyBorder="1" applyAlignment="1">
      <alignment horizontal="center" vertical="center" wrapText="1"/>
    </xf>
    <xf numFmtId="0" fontId="10" fillId="0" borderId="12" xfId="1" applyFont="1" applyBorder="1" applyAlignment="1">
      <alignment horizontal="center" vertical="center"/>
    </xf>
    <xf numFmtId="0" fontId="10" fillId="0" borderId="13" xfId="1" applyFont="1" applyBorder="1" applyAlignment="1">
      <alignment horizontal="center" vertical="center"/>
    </xf>
    <xf numFmtId="0" fontId="10" fillId="0" borderId="14" xfId="1" applyFont="1" applyBorder="1" applyAlignment="1">
      <alignment horizontal="center" vertical="center"/>
    </xf>
    <xf numFmtId="0" fontId="10" fillId="0" borderId="15" xfId="1" applyFont="1" applyBorder="1" applyAlignment="1">
      <alignment horizontal="center" vertical="center"/>
    </xf>
    <xf numFmtId="0" fontId="10" fillId="0" borderId="5" xfId="1" applyFont="1" applyBorder="1" applyAlignment="1">
      <alignment horizontal="center" vertical="center" wrapText="1"/>
    </xf>
    <xf numFmtId="0" fontId="10" fillId="0" borderId="16" xfId="1" applyFont="1" applyBorder="1" applyAlignment="1">
      <alignment horizontal="center" vertical="center" wrapText="1"/>
    </xf>
    <xf numFmtId="0" fontId="10" fillId="0" borderId="5" xfId="1" applyFont="1" applyBorder="1" applyAlignment="1">
      <alignment horizontal="center" vertical="center"/>
    </xf>
    <xf numFmtId="0" fontId="10" fillId="0" borderId="6" xfId="1" applyFont="1" applyBorder="1" applyAlignment="1">
      <alignment horizontal="center" vertical="center" wrapText="1"/>
    </xf>
    <xf numFmtId="0" fontId="10" fillId="0" borderId="17" xfId="1" applyFont="1" applyBorder="1" applyAlignment="1">
      <alignment horizontal="center" vertical="center"/>
    </xf>
    <xf numFmtId="0" fontId="10" fillId="0" borderId="18" xfId="1" applyFont="1" applyBorder="1" applyAlignment="1">
      <alignment horizontal="center" vertical="center"/>
    </xf>
    <xf numFmtId="0" fontId="10" fillId="0" borderId="19" xfId="1" applyFont="1" applyBorder="1" applyAlignment="1">
      <alignment horizontal="center" vertical="center"/>
    </xf>
    <xf numFmtId="0" fontId="10" fillId="0" borderId="20" xfId="1" applyFont="1" applyBorder="1" applyAlignment="1">
      <alignment horizontal="center" vertical="center"/>
    </xf>
    <xf numFmtId="0" fontId="10" fillId="0" borderId="20" xfId="1" applyFont="1" applyBorder="1" applyAlignment="1">
      <alignment horizontal="center" vertical="center" wrapText="1"/>
    </xf>
    <xf numFmtId="0" fontId="10" fillId="0" borderId="6" xfId="1" applyFont="1" applyBorder="1" applyAlignment="1">
      <alignment horizontal="center" vertical="center"/>
    </xf>
    <xf numFmtId="0" fontId="10" fillId="0" borderId="21" xfId="1" applyFont="1" applyBorder="1" applyAlignment="1">
      <alignment horizontal="center" vertical="center"/>
    </xf>
    <xf numFmtId="0" fontId="10" fillId="0" borderId="18" xfId="1" applyFont="1" applyBorder="1" applyAlignment="1">
      <alignment horizontal="center" vertical="center"/>
    </xf>
    <xf numFmtId="0" fontId="10" fillId="0" borderId="16" xfId="1" applyFont="1" applyBorder="1" applyAlignment="1">
      <alignment horizontal="center" vertical="center"/>
    </xf>
    <xf numFmtId="0" fontId="10" fillId="0" borderId="21" xfId="1" applyFont="1" applyBorder="1" applyAlignment="1">
      <alignment vertical="center"/>
    </xf>
    <xf numFmtId="0" fontId="10" fillId="0" borderId="22" xfId="1" applyFont="1" applyBorder="1" applyAlignment="1">
      <alignment vertical="center"/>
    </xf>
    <xf numFmtId="0" fontId="10" fillId="0" borderId="17" xfId="1" applyFont="1" applyBorder="1" applyAlignment="1">
      <alignment horizontal="center" vertical="center"/>
    </xf>
    <xf numFmtId="0" fontId="10" fillId="0" borderId="18" xfId="1" applyFont="1" applyBorder="1" applyAlignment="1">
      <alignment horizontal="center" vertical="center" wrapText="1"/>
    </xf>
    <xf numFmtId="0" fontId="10" fillId="0" borderId="19" xfId="1" applyFont="1" applyBorder="1" applyAlignment="1">
      <alignment horizontal="center" vertical="center" wrapText="1"/>
    </xf>
    <xf numFmtId="0" fontId="10" fillId="0" borderId="22" xfId="1" applyFont="1" applyBorder="1" applyAlignment="1">
      <alignment horizontal="center" vertical="center"/>
    </xf>
    <xf numFmtId="0" fontId="10" fillId="0" borderId="23" xfId="1" applyFont="1" applyBorder="1" applyAlignment="1">
      <alignment horizontal="center" vertical="center"/>
    </xf>
    <xf numFmtId="0" fontId="13" fillId="0" borderId="0" xfId="1" applyFont="1" applyBorder="1" applyAlignment="1">
      <alignment horizontal="center" vertical="center"/>
    </xf>
    <xf numFmtId="0" fontId="13" fillId="0" borderId="4" xfId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T26"/>
  <sheetViews>
    <sheetView tabSelected="1" view="pageBreakPreview" zoomScale="85" zoomScaleNormal="70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56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189234</v>
      </c>
      <c r="F7" s="24">
        <v>179252</v>
      </c>
      <c r="G7" s="25">
        <v>-5.3</v>
      </c>
      <c r="H7" s="24">
        <v>2192422</v>
      </c>
      <c r="I7" s="24">
        <v>1286310</v>
      </c>
      <c r="J7" s="24">
        <v>900166</v>
      </c>
      <c r="K7" s="24">
        <v>2209412</v>
      </c>
      <c r="L7" s="24">
        <v>1264122</v>
      </c>
      <c r="M7" s="24">
        <v>932487</v>
      </c>
      <c r="N7" s="23">
        <v>0.8</v>
      </c>
      <c r="O7" s="23">
        <v>-1.7</v>
      </c>
      <c r="P7" s="23">
        <v>3.6</v>
      </c>
      <c r="Q7" s="23">
        <v>11.6</v>
      </c>
      <c r="R7" s="23">
        <v>12.3</v>
      </c>
      <c r="S7" s="23">
        <v>0.7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42</v>
      </c>
      <c r="F8" s="16">
        <v>50</v>
      </c>
      <c r="G8" s="17">
        <v>19</v>
      </c>
      <c r="H8" s="16">
        <v>609</v>
      </c>
      <c r="I8" s="16">
        <v>436</v>
      </c>
      <c r="J8" s="16">
        <v>173</v>
      </c>
      <c r="K8" s="16">
        <v>447</v>
      </c>
      <c r="L8" s="16">
        <v>307</v>
      </c>
      <c r="M8" s="16">
        <v>91</v>
      </c>
      <c r="N8" s="15">
        <v>-26.6</v>
      </c>
      <c r="O8" s="15">
        <v>-29.6</v>
      </c>
      <c r="P8" s="15">
        <v>-47.4</v>
      </c>
      <c r="Q8" s="15">
        <v>14.5</v>
      </c>
      <c r="R8" s="15">
        <v>8.9</v>
      </c>
      <c r="S8" s="15">
        <v>-5.6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>
        <v>10</v>
      </c>
      <c r="F10" s="16">
        <v>5</v>
      </c>
      <c r="G10" s="17">
        <v>-50</v>
      </c>
      <c r="H10" s="16">
        <v>38</v>
      </c>
      <c r="I10" s="16">
        <v>33</v>
      </c>
      <c r="J10" s="16">
        <v>5</v>
      </c>
      <c r="K10" s="16">
        <v>32</v>
      </c>
      <c r="L10" s="16">
        <v>29</v>
      </c>
      <c r="M10" s="16">
        <v>3</v>
      </c>
      <c r="N10" s="15">
        <v>-15.8</v>
      </c>
      <c r="O10" s="15">
        <v>-12.1</v>
      </c>
      <c r="P10" s="15">
        <v>-40</v>
      </c>
      <c r="Q10" s="15">
        <v>3.8</v>
      </c>
      <c r="R10" s="15">
        <v>6.4</v>
      </c>
      <c r="S10" s="15">
        <v>2.6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9748</v>
      </c>
      <c r="F11" s="16">
        <v>8829</v>
      </c>
      <c r="G11" s="17">
        <v>-9.4</v>
      </c>
      <c r="H11" s="16">
        <v>124631</v>
      </c>
      <c r="I11" s="16">
        <v>104729</v>
      </c>
      <c r="J11" s="16">
        <v>19901</v>
      </c>
      <c r="K11" s="16">
        <v>115531</v>
      </c>
      <c r="L11" s="16">
        <v>96005</v>
      </c>
      <c r="M11" s="16">
        <v>19118</v>
      </c>
      <c r="N11" s="15">
        <v>-7.3</v>
      </c>
      <c r="O11" s="15">
        <v>-8.3000000000000007</v>
      </c>
      <c r="P11" s="15">
        <v>-3.9</v>
      </c>
      <c r="Q11" s="15">
        <v>12.8</v>
      </c>
      <c r="R11" s="15">
        <v>13.1</v>
      </c>
      <c r="S11" s="15">
        <v>0.3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19223</v>
      </c>
      <c r="F12" s="16">
        <v>16574</v>
      </c>
      <c r="G12" s="17">
        <v>-13.8</v>
      </c>
      <c r="H12" s="16">
        <v>220875</v>
      </c>
      <c r="I12" s="16">
        <v>153590</v>
      </c>
      <c r="J12" s="16">
        <v>66960</v>
      </c>
      <c r="K12" s="16">
        <v>199334</v>
      </c>
      <c r="L12" s="16">
        <v>138983</v>
      </c>
      <c r="M12" s="16">
        <v>59933</v>
      </c>
      <c r="N12" s="15">
        <v>-9.8000000000000007</v>
      </c>
      <c r="O12" s="15">
        <v>-9.5</v>
      </c>
      <c r="P12" s="15">
        <v>-10.5</v>
      </c>
      <c r="Q12" s="15">
        <v>11.5</v>
      </c>
      <c r="R12" s="15">
        <v>12</v>
      </c>
      <c r="S12" s="15">
        <v>0.5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62</v>
      </c>
      <c r="F13" s="16">
        <v>78</v>
      </c>
      <c r="G13" s="17">
        <v>25.8</v>
      </c>
      <c r="H13" s="16">
        <v>10015</v>
      </c>
      <c r="I13" s="16">
        <v>9106</v>
      </c>
      <c r="J13" s="16">
        <v>909</v>
      </c>
      <c r="K13" s="16">
        <v>8458</v>
      </c>
      <c r="L13" s="16">
        <v>7357</v>
      </c>
      <c r="M13" s="16">
        <v>1088</v>
      </c>
      <c r="N13" s="15">
        <v>-15.5</v>
      </c>
      <c r="O13" s="15">
        <v>-19.2</v>
      </c>
      <c r="P13" s="15">
        <v>19.7</v>
      </c>
      <c r="Q13" s="15">
        <v>161.5</v>
      </c>
      <c r="R13" s="15">
        <v>108.4</v>
      </c>
      <c r="S13" s="15">
        <v>-53.1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4964</v>
      </c>
      <c r="F14" s="16">
        <v>4688</v>
      </c>
      <c r="G14" s="17">
        <v>-5.6</v>
      </c>
      <c r="H14" s="16">
        <v>133881</v>
      </c>
      <c r="I14" s="16">
        <v>101007</v>
      </c>
      <c r="J14" s="16">
        <v>31639</v>
      </c>
      <c r="K14" s="16">
        <v>126711</v>
      </c>
      <c r="L14" s="16">
        <v>96165</v>
      </c>
      <c r="M14" s="16">
        <v>29708</v>
      </c>
      <c r="N14" s="15">
        <v>-5.4</v>
      </c>
      <c r="O14" s="15">
        <v>-4.8</v>
      </c>
      <c r="P14" s="15">
        <v>-6.1</v>
      </c>
      <c r="Q14" s="15">
        <v>27</v>
      </c>
      <c r="R14" s="15">
        <v>27</v>
      </c>
      <c r="S14" s="15">
        <v>0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4466</v>
      </c>
      <c r="F15" s="16">
        <v>4151</v>
      </c>
      <c r="G15" s="17">
        <v>-7.1</v>
      </c>
      <c r="H15" s="16">
        <v>112053</v>
      </c>
      <c r="I15" s="16">
        <v>93210</v>
      </c>
      <c r="J15" s="16">
        <v>18838</v>
      </c>
      <c r="K15" s="16">
        <v>104350</v>
      </c>
      <c r="L15" s="16">
        <v>83982</v>
      </c>
      <c r="M15" s="16">
        <v>20039</v>
      </c>
      <c r="N15" s="15">
        <v>-6.9</v>
      </c>
      <c r="O15" s="15">
        <v>-9.9</v>
      </c>
      <c r="P15" s="15">
        <v>6.4</v>
      </c>
      <c r="Q15" s="15">
        <v>25.1</v>
      </c>
      <c r="R15" s="15">
        <v>25.1</v>
      </c>
      <c r="S15" s="15">
        <v>0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52463</v>
      </c>
      <c r="F16" s="16">
        <v>49355</v>
      </c>
      <c r="G16" s="17">
        <v>-5.9</v>
      </c>
      <c r="H16" s="16">
        <v>534917</v>
      </c>
      <c r="I16" s="16">
        <v>311579</v>
      </c>
      <c r="J16" s="16">
        <v>222841</v>
      </c>
      <c r="K16" s="16">
        <v>545635</v>
      </c>
      <c r="L16" s="16">
        <v>312933</v>
      </c>
      <c r="M16" s="16">
        <v>230700</v>
      </c>
      <c r="N16" s="15">
        <v>2</v>
      </c>
      <c r="O16" s="15">
        <v>0.4</v>
      </c>
      <c r="P16" s="15">
        <v>3.5</v>
      </c>
      <c r="Q16" s="15">
        <v>10.199999999999999</v>
      </c>
      <c r="R16" s="15">
        <v>11.1</v>
      </c>
      <c r="S16" s="15">
        <v>0.9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3054</v>
      </c>
      <c r="F17" s="16">
        <v>2973</v>
      </c>
      <c r="G17" s="17">
        <v>-2.7</v>
      </c>
      <c r="H17" s="16">
        <v>84973</v>
      </c>
      <c r="I17" s="16">
        <v>40822</v>
      </c>
      <c r="J17" s="16">
        <v>43706</v>
      </c>
      <c r="K17" s="16">
        <v>85924</v>
      </c>
      <c r="L17" s="16">
        <v>38731</v>
      </c>
      <c r="M17" s="16">
        <v>46958</v>
      </c>
      <c r="N17" s="15">
        <v>1.1000000000000001</v>
      </c>
      <c r="O17" s="15">
        <v>-5.0999999999999996</v>
      </c>
      <c r="P17" s="15">
        <v>7.4</v>
      </c>
      <c r="Q17" s="15">
        <v>27.8</v>
      </c>
      <c r="R17" s="15">
        <v>28.9</v>
      </c>
      <c r="S17" s="15">
        <v>1.1000000000000001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17091</v>
      </c>
      <c r="F18" s="16">
        <v>15228</v>
      </c>
      <c r="G18" s="17">
        <v>-10.9</v>
      </c>
      <c r="H18" s="16">
        <v>87129</v>
      </c>
      <c r="I18" s="16">
        <v>54069</v>
      </c>
      <c r="J18" s="16">
        <v>32727</v>
      </c>
      <c r="K18" s="16">
        <v>84888</v>
      </c>
      <c r="L18" s="16">
        <v>53385</v>
      </c>
      <c r="M18" s="16">
        <v>31041</v>
      </c>
      <c r="N18" s="15">
        <v>-2.6</v>
      </c>
      <c r="O18" s="15">
        <v>-1.3</v>
      </c>
      <c r="P18" s="15">
        <v>-5.2</v>
      </c>
      <c r="Q18" s="15">
        <v>5.0999999999999996</v>
      </c>
      <c r="R18" s="15">
        <v>5.6</v>
      </c>
      <c r="S18" s="15">
        <v>0.5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2438</v>
      </c>
      <c r="F19" s="16">
        <v>12103</v>
      </c>
      <c r="G19" s="17">
        <v>-2.7</v>
      </c>
      <c r="H19" s="16">
        <v>95161</v>
      </c>
      <c r="I19" s="16">
        <v>63140</v>
      </c>
      <c r="J19" s="16">
        <v>32021</v>
      </c>
      <c r="K19" s="16">
        <v>101106</v>
      </c>
      <c r="L19" s="16">
        <v>65801</v>
      </c>
      <c r="M19" s="16">
        <v>34669</v>
      </c>
      <c r="N19" s="15">
        <v>6.2</v>
      </c>
      <c r="O19" s="15">
        <v>4.2</v>
      </c>
      <c r="P19" s="15">
        <v>8.3000000000000007</v>
      </c>
      <c r="Q19" s="15">
        <v>7.7</v>
      </c>
      <c r="R19" s="15">
        <v>8.4</v>
      </c>
      <c r="S19" s="15">
        <v>0.7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28574</v>
      </c>
      <c r="F20" s="16">
        <v>26607</v>
      </c>
      <c r="G20" s="17">
        <v>-6.9</v>
      </c>
      <c r="H20" s="16">
        <v>222686</v>
      </c>
      <c r="I20" s="16">
        <v>99113</v>
      </c>
      <c r="J20" s="16">
        <v>122268</v>
      </c>
      <c r="K20" s="16">
        <v>217507</v>
      </c>
      <c r="L20" s="16">
        <v>97994</v>
      </c>
      <c r="M20" s="16">
        <v>116866</v>
      </c>
      <c r="N20" s="15">
        <v>-2.2999999999999998</v>
      </c>
      <c r="O20" s="15">
        <v>-1.1000000000000001</v>
      </c>
      <c r="P20" s="15">
        <v>-4.4000000000000004</v>
      </c>
      <c r="Q20" s="15">
        <v>7.8</v>
      </c>
      <c r="R20" s="15">
        <v>8.1999999999999993</v>
      </c>
      <c r="S20" s="15">
        <v>0.4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11646</v>
      </c>
      <c r="F21" s="16">
        <v>11163</v>
      </c>
      <c r="G21" s="17">
        <v>-4.0999999999999996</v>
      </c>
      <c r="H21" s="16">
        <v>85645</v>
      </c>
      <c r="I21" s="16">
        <v>39290</v>
      </c>
      <c r="J21" s="16">
        <v>46049</v>
      </c>
      <c r="K21" s="16">
        <v>78985</v>
      </c>
      <c r="L21" s="16">
        <v>35372</v>
      </c>
      <c r="M21" s="16">
        <v>43065</v>
      </c>
      <c r="N21" s="15">
        <v>-7.8</v>
      </c>
      <c r="O21" s="15">
        <v>-10</v>
      </c>
      <c r="P21" s="15">
        <v>-6.5</v>
      </c>
      <c r="Q21" s="15">
        <v>7.4</v>
      </c>
      <c r="R21" s="15">
        <v>7.1</v>
      </c>
      <c r="S21" s="15">
        <v>-0.3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3475</v>
      </c>
      <c r="F22" s="16">
        <v>3705</v>
      </c>
      <c r="G22" s="17">
        <v>6.6</v>
      </c>
      <c r="H22" s="16">
        <v>48651</v>
      </c>
      <c r="I22" s="16">
        <v>23950</v>
      </c>
      <c r="J22" s="16">
        <v>24701</v>
      </c>
      <c r="K22" s="16">
        <v>47107</v>
      </c>
      <c r="L22" s="16">
        <v>22362</v>
      </c>
      <c r="M22" s="16">
        <v>24532</v>
      </c>
      <c r="N22" s="15">
        <v>-3.2</v>
      </c>
      <c r="O22" s="15">
        <v>-6.6</v>
      </c>
      <c r="P22" s="15">
        <v>-0.7</v>
      </c>
      <c r="Q22" s="15">
        <v>14</v>
      </c>
      <c r="R22" s="15">
        <v>12.7</v>
      </c>
      <c r="S22" s="15">
        <v>-1.3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10793</v>
      </c>
      <c r="F23" s="16">
        <v>12805</v>
      </c>
      <c r="G23" s="17">
        <v>18.600000000000001</v>
      </c>
      <c r="H23" s="16">
        <v>170047</v>
      </c>
      <c r="I23" s="16">
        <v>49745</v>
      </c>
      <c r="J23" s="16">
        <v>119618</v>
      </c>
      <c r="K23" s="16">
        <v>201828</v>
      </c>
      <c r="L23" s="16">
        <v>58947</v>
      </c>
      <c r="M23" s="16">
        <v>141070</v>
      </c>
      <c r="N23" s="15">
        <v>18.7</v>
      </c>
      <c r="O23" s="15">
        <v>18.5</v>
      </c>
      <c r="P23" s="15">
        <v>17.899999999999999</v>
      </c>
      <c r="Q23" s="15">
        <v>15.8</v>
      </c>
      <c r="R23" s="15">
        <v>15.8</v>
      </c>
      <c r="S23" s="15">
        <v>0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474</v>
      </c>
      <c r="F24" s="16">
        <v>438</v>
      </c>
      <c r="G24" s="17">
        <v>-7.6</v>
      </c>
      <c r="H24" s="16">
        <v>5183</v>
      </c>
      <c r="I24" s="16">
        <v>3038</v>
      </c>
      <c r="J24" s="16">
        <v>2145</v>
      </c>
      <c r="K24" s="16">
        <v>7564</v>
      </c>
      <c r="L24" s="16">
        <v>4908</v>
      </c>
      <c r="M24" s="16">
        <v>2656</v>
      </c>
      <c r="N24" s="15">
        <v>45.9</v>
      </c>
      <c r="O24" s="15">
        <v>61.6</v>
      </c>
      <c r="P24" s="15">
        <v>23.8</v>
      </c>
      <c r="Q24" s="15">
        <v>10.9</v>
      </c>
      <c r="R24" s="15">
        <v>17.3</v>
      </c>
      <c r="S24" s="15">
        <v>6.4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10708</v>
      </c>
      <c r="F25" s="10">
        <v>10499</v>
      </c>
      <c r="G25" s="9">
        <v>-2</v>
      </c>
      <c r="H25" s="10">
        <v>255901</v>
      </c>
      <c r="I25" s="10">
        <v>139428</v>
      </c>
      <c r="J25" s="10">
        <v>115663</v>
      </c>
      <c r="K25" s="10">
        <v>284000</v>
      </c>
      <c r="L25" s="10">
        <v>150856</v>
      </c>
      <c r="M25" s="10">
        <v>130950</v>
      </c>
      <c r="N25" s="8">
        <v>11</v>
      </c>
      <c r="O25" s="8">
        <v>8.1999999999999993</v>
      </c>
      <c r="P25" s="8">
        <v>13.2</v>
      </c>
      <c r="Q25" s="8">
        <v>23.9</v>
      </c>
      <c r="R25" s="9">
        <v>27.1</v>
      </c>
      <c r="S25" s="8">
        <v>3.2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H3:P3"/>
    <mergeCell ref="H4:H6"/>
    <mergeCell ref="I5:I6"/>
    <mergeCell ref="J5:J6"/>
    <mergeCell ref="T2:T6"/>
    <mergeCell ref="E2:S2"/>
    <mergeCell ref="B1:S1"/>
    <mergeCell ref="Q4:Q6"/>
    <mergeCell ref="R4:R6"/>
    <mergeCell ref="S5:S6"/>
    <mergeCell ref="M5:M6"/>
    <mergeCell ref="N5:P5"/>
    <mergeCell ref="L5:L6"/>
    <mergeCell ref="K4:K6"/>
    <mergeCell ref="L4:P4"/>
    <mergeCell ref="Q3:S3"/>
    <mergeCell ref="B10:D10"/>
    <mergeCell ref="B9:D9"/>
    <mergeCell ref="B8:D8"/>
    <mergeCell ref="E3:G3"/>
    <mergeCell ref="E4:E6"/>
    <mergeCell ref="F4:F6"/>
    <mergeCell ref="G5:G6"/>
    <mergeCell ref="B7:D7"/>
    <mergeCell ref="B16:D16"/>
    <mergeCell ref="B15:D15"/>
    <mergeCell ref="B14:D14"/>
    <mergeCell ref="B13:D13"/>
    <mergeCell ref="B12:D12"/>
    <mergeCell ref="B11:D11"/>
    <mergeCell ref="B25:D25"/>
    <mergeCell ref="A2:D6"/>
    <mergeCell ref="B24:D24"/>
    <mergeCell ref="B23:D23"/>
    <mergeCell ref="B22:D22"/>
    <mergeCell ref="B21:D21"/>
    <mergeCell ref="B20:D20"/>
    <mergeCell ref="B19:D19"/>
    <mergeCell ref="B18:D18"/>
    <mergeCell ref="B17:D17"/>
  </mergeCells>
  <phoneticPr fontId="3"/>
  <pageMargins left="0.39370078740157483" right="0.39370078740157483" top="0.55118110236220474" bottom="0.55118110236220474" header="0.31496062992125984" footer="0.31496062992125984"/>
  <pageSetup paperSize="9" scale="67" fitToHeight="0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7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6219</v>
      </c>
      <c r="F7" s="24">
        <v>6051</v>
      </c>
      <c r="G7" s="25">
        <v>-2.7</v>
      </c>
      <c r="H7" s="24">
        <v>65383</v>
      </c>
      <c r="I7" s="24">
        <v>34810</v>
      </c>
      <c r="J7" s="24">
        <v>30500</v>
      </c>
      <c r="K7" s="24">
        <v>64446</v>
      </c>
      <c r="L7" s="24">
        <v>32975</v>
      </c>
      <c r="M7" s="24">
        <v>31050</v>
      </c>
      <c r="N7" s="23">
        <v>-1.4</v>
      </c>
      <c r="O7" s="23">
        <v>-5.3</v>
      </c>
      <c r="P7" s="23">
        <v>1.8</v>
      </c>
      <c r="Q7" s="23">
        <v>10.5</v>
      </c>
      <c r="R7" s="23">
        <v>10.7</v>
      </c>
      <c r="S7" s="23">
        <v>0.2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1</v>
      </c>
      <c r="F8" s="16">
        <v>1</v>
      </c>
      <c r="G8" s="17">
        <v>0</v>
      </c>
      <c r="H8" s="16">
        <v>1</v>
      </c>
      <c r="I8" s="16">
        <v>1</v>
      </c>
      <c r="J8" s="16" t="s">
        <v>34</v>
      </c>
      <c r="K8" s="16">
        <v>2</v>
      </c>
      <c r="L8" s="16">
        <v>1</v>
      </c>
      <c r="M8" s="16">
        <v>1</v>
      </c>
      <c r="N8" s="15">
        <v>100</v>
      </c>
      <c r="O8" s="15">
        <v>0</v>
      </c>
      <c r="P8" s="15" t="s">
        <v>34</v>
      </c>
      <c r="Q8" s="15">
        <v>1</v>
      </c>
      <c r="R8" s="15">
        <v>2</v>
      </c>
      <c r="S8" s="15">
        <v>1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215</v>
      </c>
      <c r="F11" s="16">
        <v>175</v>
      </c>
      <c r="G11" s="17">
        <v>-18.600000000000001</v>
      </c>
      <c r="H11" s="16">
        <v>2172</v>
      </c>
      <c r="I11" s="16">
        <v>1801</v>
      </c>
      <c r="J11" s="16">
        <v>371</v>
      </c>
      <c r="K11" s="16">
        <v>1831</v>
      </c>
      <c r="L11" s="16">
        <v>1563</v>
      </c>
      <c r="M11" s="16">
        <v>265</v>
      </c>
      <c r="N11" s="15">
        <v>-15.7</v>
      </c>
      <c r="O11" s="15">
        <v>-13.2</v>
      </c>
      <c r="P11" s="15">
        <v>-28.6</v>
      </c>
      <c r="Q11" s="15">
        <v>10.1</v>
      </c>
      <c r="R11" s="15">
        <v>10.5</v>
      </c>
      <c r="S11" s="15">
        <v>0.4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496</v>
      </c>
      <c r="F12" s="16">
        <v>459</v>
      </c>
      <c r="G12" s="17">
        <v>-7.5</v>
      </c>
      <c r="H12" s="16">
        <v>4515</v>
      </c>
      <c r="I12" s="16">
        <v>2970</v>
      </c>
      <c r="J12" s="16">
        <v>1545</v>
      </c>
      <c r="K12" s="16">
        <v>4106</v>
      </c>
      <c r="L12" s="16">
        <v>2586</v>
      </c>
      <c r="M12" s="16">
        <v>1501</v>
      </c>
      <c r="N12" s="15">
        <v>-9.1</v>
      </c>
      <c r="O12" s="15">
        <v>-12.9</v>
      </c>
      <c r="P12" s="15">
        <v>-2.8</v>
      </c>
      <c r="Q12" s="15">
        <v>9.1</v>
      </c>
      <c r="R12" s="15">
        <v>8.9</v>
      </c>
      <c r="S12" s="15">
        <v>-0.2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 t="s">
        <v>34</v>
      </c>
      <c r="F13" s="16" t="s">
        <v>34</v>
      </c>
      <c r="G13" s="17" t="s">
        <v>34</v>
      </c>
      <c r="H13" s="16" t="s">
        <v>34</v>
      </c>
      <c r="I13" s="16" t="s">
        <v>34</v>
      </c>
      <c r="J13" s="16" t="s">
        <v>34</v>
      </c>
      <c r="K13" s="16" t="s">
        <v>34</v>
      </c>
      <c r="L13" s="16" t="s">
        <v>34</v>
      </c>
      <c r="M13" s="16" t="s">
        <v>34</v>
      </c>
      <c r="N13" s="15" t="s">
        <v>34</v>
      </c>
      <c r="O13" s="15" t="s">
        <v>34</v>
      </c>
      <c r="P13" s="15" t="s">
        <v>34</v>
      </c>
      <c r="Q13" s="15" t="s">
        <v>34</v>
      </c>
      <c r="R13" s="15" t="s">
        <v>34</v>
      </c>
      <c r="S13" s="15" t="s">
        <v>34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87</v>
      </c>
      <c r="F14" s="16">
        <v>67</v>
      </c>
      <c r="G14" s="17">
        <v>-23</v>
      </c>
      <c r="H14" s="16">
        <v>1529</v>
      </c>
      <c r="I14" s="16">
        <v>1063</v>
      </c>
      <c r="J14" s="16">
        <v>466</v>
      </c>
      <c r="K14" s="16">
        <v>718</v>
      </c>
      <c r="L14" s="16">
        <v>473</v>
      </c>
      <c r="M14" s="16">
        <v>245</v>
      </c>
      <c r="N14" s="15">
        <v>-53</v>
      </c>
      <c r="O14" s="15">
        <v>-55.5</v>
      </c>
      <c r="P14" s="15">
        <v>-47.4</v>
      </c>
      <c r="Q14" s="15">
        <v>17.600000000000001</v>
      </c>
      <c r="R14" s="15">
        <v>10.7</v>
      </c>
      <c r="S14" s="15">
        <v>-6.9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37</v>
      </c>
      <c r="F15" s="16">
        <v>31</v>
      </c>
      <c r="G15" s="17">
        <v>-16.2</v>
      </c>
      <c r="H15" s="16">
        <v>3016</v>
      </c>
      <c r="I15" s="16">
        <v>2737</v>
      </c>
      <c r="J15" s="16">
        <v>279</v>
      </c>
      <c r="K15" s="16">
        <v>2495</v>
      </c>
      <c r="L15" s="16">
        <v>2173</v>
      </c>
      <c r="M15" s="16">
        <v>322</v>
      </c>
      <c r="N15" s="15">
        <v>-17.3</v>
      </c>
      <c r="O15" s="15">
        <v>-20.6</v>
      </c>
      <c r="P15" s="15">
        <v>15.4</v>
      </c>
      <c r="Q15" s="15">
        <v>81.5</v>
      </c>
      <c r="R15" s="15">
        <v>80.5</v>
      </c>
      <c r="S15" s="15">
        <v>-1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848</v>
      </c>
      <c r="F16" s="16">
        <v>1687</v>
      </c>
      <c r="G16" s="17">
        <v>-8.6999999999999993</v>
      </c>
      <c r="H16" s="16">
        <v>15132</v>
      </c>
      <c r="I16" s="16">
        <v>7394</v>
      </c>
      <c r="J16" s="16">
        <v>7725</v>
      </c>
      <c r="K16" s="16">
        <v>14485</v>
      </c>
      <c r="L16" s="16">
        <v>7034</v>
      </c>
      <c r="M16" s="16">
        <v>7385</v>
      </c>
      <c r="N16" s="15">
        <v>-4.3</v>
      </c>
      <c r="O16" s="15">
        <v>-4.9000000000000004</v>
      </c>
      <c r="P16" s="15">
        <v>-4.4000000000000004</v>
      </c>
      <c r="Q16" s="15">
        <v>8.1999999999999993</v>
      </c>
      <c r="R16" s="15">
        <v>8.6</v>
      </c>
      <c r="S16" s="15">
        <v>0.4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59</v>
      </c>
      <c r="F17" s="16">
        <v>68</v>
      </c>
      <c r="G17" s="17">
        <v>15.3</v>
      </c>
      <c r="H17" s="16">
        <v>2229</v>
      </c>
      <c r="I17" s="16">
        <v>962</v>
      </c>
      <c r="J17" s="16">
        <v>1267</v>
      </c>
      <c r="K17" s="16">
        <v>1450</v>
      </c>
      <c r="L17" s="16">
        <v>725</v>
      </c>
      <c r="M17" s="16">
        <v>725</v>
      </c>
      <c r="N17" s="15">
        <v>-34.9</v>
      </c>
      <c r="O17" s="15">
        <v>-24.6</v>
      </c>
      <c r="P17" s="15">
        <v>-42.8</v>
      </c>
      <c r="Q17" s="15">
        <v>37.799999999999997</v>
      </c>
      <c r="R17" s="15">
        <v>21.3</v>
      </c>
      <c r="S17" s="15">
        <v>-16.5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569</v>
      </c>
      <c r="F18" s="16">
        <v>563</v>
      </c>
      <c r="G18" s="17">
        <v>-1.1000000000000001</v>
      </c>
      <c r="H18" s="16">
        <v>2583</v>
      </c>
      <c r="I18" s="16">
        <v>1572</v>
      </c>
      <c r="J18" s="16">
        <v>1011</v>
      </c>
      <c r="K18" s="16">
        <v>3305</v>
      </c>
      <c r="L18" s="16">
        <v>1970</v>
      </c>
      <c r="M18" s="16">
        <v>1332</v>
      </c>
      <c r="N18" s="15">
        <v>28</v>
      </c>
      <c r="O18" s="15">
        <v>25.3</v>
      </c>
      <c r="P18" s="15">
        <v>31.8</v>
      </c>
      <c r="Q18" s="15">
        <v>4.5</v>
      </c>
      <c r="R18" s="15">
        <v>5.9</v>
      </c>
      <c r="S18" s="15">
        <v>1.4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514</v>
      </c>
      <c r="F19" s="16">
        <v>507</v>
      </c>
      <c r="G19" s="17">
        <v>-1.4</v>
      </c>
      <c r="H19" s="16">
        <v>2834</v>
      </c>
      <c r="I19" s="16">
        <v>1896</v>
      </c>
      <c r="J19" s="16">
        <v>938</v>
      </c>
      <c r="K19" s="16">
        <v>2594</v>
      </c>
      <c r="L19" s="16">
        <v>1683</v>
      </c>
      <c r="M19" s="16">
        <v>905</v>
      </c>
      <c r="N19" s="15">
        <v>-8.5</v>
      </c>
      <c r="O19" s="15">
        <v>-11.2</v>
      </c>
      <c r="P19" s="15">
        <v>-3.5</v>
      </c>
      <c r="Q19" s="15">
        <v>5.5</v>
      </c>
      <c r="R19" s="15">
        <v>5.0999999999999996</v>
      </c>
      <c r="S19" s="15">
        <v>-0.4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918</v>
      </c>
      <c r="F20" s="16">
        <v>934</v>
      </c>
      <c r="G20" s="17">
        <v>1.7</v>
      </c>
      <c r="H20" s="16">
        <v>8930</v>
      </c>
      <c r="I20" s="16">
        <v>4137</v>
      </c>
      <c r="J20" s="16">
        <v>4764</v>
      </c>
      <c r="K20" s="16">
        <v>9424</v>
      </c>
      <c r="L20" s="16">
        <v>4297</v>
      </c>
      <c r="M20" s="16">
        <v>5064</v>
      </c>
      <c r="N20" s="15">
        <v>5.5</v>
      </c>
      <c r="O20" s="15">
        <v>3.9</v>
      </c>
      <c r="P20" s="15">
        <v>6.3</v>
      </c>
      <c r="Q20" s="15">
        <v>9.6999999999999993</v>
      </c>
      <c r="R20" s="15">
        <v>10.1</v>
      </c>
      <c r="S20" s="15">
        <v>0.4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356</v>
      </c>
      <c r="F21" s="16">
        <v>382</v>
      </c>
      <c r="G21" s="17">
        <v>7.3</v>
      </c>
      <c r="H21" s="16">
        <v>2161</v>
      </c>
      <c r="I21" s="16">
        <v>921</v>
      </c>
      <c r="J21" s="16">
        <v>1240</v>
      </c>
      <c r="K21" s="16">
        <v>2416</v>
      </c>
      <c r="L21" s="16">
        <v>991</v>
      </c>
      <c r="M21" s="16">
        <v>1277</v>
      </c>
      <c r="N21" s="15">
        <v>11.8</v>
      </c>
      <c r="O21" s="15">
        <v>7.6</v>
      </c>
      <c r="P21" s="15">
        <v>3</v>
      </c>
      <c r="Q21" s="15">
        <v>6.1</v>
      </c>
      <c r="R21" s="15">
        <v>6.3</v>
      </c>
      <c r="S21" s="15">
        <v>0.2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225</v>
      </c>
      <c r="F22" s="16">
        <v>250</v>
      </c>
      <c r="G22" s="17">
        <v>11.1</v>
      </c>
      <c r="H22" s="16">
        <v>4283</v>
      </c>
      <c r="I22" s="16">
        <v>2385</v>
      </c>
      <c r="J22" s="16">
        <v>1898</v>
      </c>
      <c r="K22" s="16">
        <v>4062</v>
      </c>
      <c r="L22" s="16">
        <v>2278</v>
      </c>
      <c r="M22" s="16">
        <v>1774</v>
      </c>
      <c r="N22" s="15">
        <v>-5.2</v>
      </c>
      <c r="O22" s="15">
        <v>-4.5</v>
      </c>
      <c r="P22" s="15">
        <v>-6.5</v>
      </c>
      <c r="Q22" s="15">
        <v>19</v>
      </c>
      <c r="R22" s="15">
        <v>16.2</v>
      </c>
      <c r="S22" s="15">
        <v>-2.8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408</v>
      </c>
      <c r="F23" s="16">
        <v>477</v>
      </c>
      <c r="G23" s="17">
        <v>16.899999999999999</v>
      </c>
      <c r="H23" s="16">
        <v>8203</v>
      </c>
      <c r="I23" s="16">
        <v>2290</v>
      </c>
      <c r="J23" s="16">
        <v>5882</v>
      </c>
      <c r="K23" s="16">
        <v>9657</v>
      </c>
      <c r="L23" s="16">
        <v>2702</v>
      </c>
      <c r="M23" s="16">
        <v>6932</v>
      </c>
      <c r="N23" s="15">
        <v>17.7</v>
      </c>
      <c r="O23" s="15">
        <v>18</v>
      </c>
      <c r="P23" s="15">
        <v>17.899999999999999</v>
      </c>
      <c r="Q23" s="15">
        <v>20.100000000000001</v>
      </c>
      <c r="R23" s="15">
        <v>20.2</v>
      </c>
      <c r="S23" s="15">
        <v>0.1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8</v>
      </c>
      <c r="F24" s="16">
        <v>14</v>
      </c>
      <c r="G24" s="17">
        <v>-22.2</v>
      </c>
      <c r="H24" s="16">
        <v>150</v>
      </c>
      <c r="I24" s="16">
        <v>89</v>
      </c>
      <c r="J24" s="16">
        <v>61</v>
      </c>
      <c r="K24" s="16">
        <v>93</v>
      </c>
      <c r="L24" s="16">
        <v>48</v>
      </c>
      <c r="M24" s="16">
        <v>45</v>
      </c>
      <c r="N24" s="15">
        <v>-38</v>
      </c>
      <c r="O24" s="15">
        <v>-46.1</v>
      </c>
      <c r="P24" s="15">
        <v>-26.2</v>
      </c>
      <c r="Q24" s="15">
        <v>8.3000000000000007</v>
      </c>
      <c r="R24" s="15">
        <v>6.6</v>
      </c>
      <c r="S24" s="15">
        <v>-1.7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468</v>
      </c>
      <c r="F25" s="10">
        <v>436</v>
      </c>
      <c r="G25" s="9">
        <v>-6.8</v>
      </c>
      <c r="H25" s="10">
        <v>7645</v>
      </c>
      <c r="I25" s="10">
        <v>4592</v>
      </c>
      <c r="J25" s="10">
        <v>3053</v>
      </c>
      <c r="K25" s="10">
        <v>7808</v>
      </c>
      <c r="L25" s="10">
        <v>4451</v>
      </c>
      <c r="M25" s="10">
        <v>3277</v>
      </c>
      <c r="N25" s="8">
        <v>2.1</v>
      </c>
      <c r="O25" s="8">
        <v>-3.1</v>
      </c>
      <c r="P25" s="8">
        <v>7.3</v>
      </c>
      <c r="Q25" s="8">
        <v>16.3</v>
      </c>
      <c r="R25" s="8">
        <v>17.899999999999999</v>
      </c>
      <c r="S25" s="8">
        <v>1.6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8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5634</v>
      </c>
      <c r="F7" s="24">
        <v>5463</v>
      </c>
      <c r="G7" s="25">
        <v>-3</v>
      </c>
      <c r="H7" s="24">
        <v>66908</v>
      </c>
      <c r="I7" s="24">
        <v>42065</v>
      </c>
      <c r="J7" s="24">
        <v>24646</v>
      </c>
      <c r="K7" s="24">
        <v>67204</v>
      </c>
      <c r="L7" s="24">
        <v>40908</v>
      </c>
      <c r="M7" s="24">
        <v>25872</v>
      </c>
      <c r="N7" s="23">
        <v>0.4</v>
      </c>
      <c r="O7" s="23">
        <v>-2.8</v>
      </c>
      <c r="P7" s="23">
        <v>5</v>
      </c>
      <c r="Q7" s="23">
        <v>11.9</v>
      </c>
      <c r="R7" s="23">
        <v>12.3</v>
      </c>
      <c r="S7" s="23">
        <v>0.4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 t="s">
        <v>34</v>
      </c>
      <c r="F8" s="16" t="s">
        <v>34</v>
      </c>
      <c r="G8" s="17" t="s">
        <v>34</v>
      </c>
      <c r="H8" s="16" t="s">
        <v>34</v>
      </c>
      <c r="I8" s="16" t="s">
        <v>34</v>
      </c>
      <c r="J8" s="16" t="s">
        <v>34</v>
      </c>
      <c r="K8" s="16" t="s">
        <v>34</v>
      </c>
      <c r="L8" s="16" t="s">
        <v>34</v>
      </c>
      <c r="M8" s="16" t="s">
        <v>34</v>
      </c>
      <c r="N8" s="15" t="s">
        <v>34</v>
      </c>
      <c r="O8" s="15" t="s">
        <v>34</v>
      </c>
      <c r="P8" s="15" t="s">
        <v>34</v>
      </c>
      <c r="Q8" s="15" t="s">
        <v>34</v>
      </c>
      <c r="R8" s="15" t="s">
        <v>34</v>
      </c>
      <c r="S8" s="15" t="s">
        <v>34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293</v>
      </c>
      <c r="F11" s="16">
        <v>263</v>
      </c>
      <c r="G11" s="17">
        <v>-10.199999999999999</v>
      </c>
      <c r="H11" s="16">
        <v>3771</v>
      </c>
      <c r="I11" s="16">
        <v>3216</v>
      </c>
      <c r="J11" s="16">
        <v>555</v>
      </c>
      <c r="K11" s="16">
        <v>4085</v>
      </c>
      <c r="L11" s="16">
        <v>3368</v>
      </c>
      <c r="M11" s="16">
        <v>712</v>
      </c>
      <c r="N11" s="15">
        <v>8.3000000000000007</v>
      </c>
      <c r="O11" s="15">
        <v>4.7</v>
      </c>
      <c r="P11" s="15">
        <v>28.3</v>
      </c>
      <c r="Q11" s="15">
        <v>12.9</v>
      </c>
      <c r="R11" s="15">
        <v>15.5</v>
      </c>
      <c r="S11" s="15">
        <v>2.6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368</v>
      </c>
      <c r="F12" s="16">
        <v>334</v>
      </c>
      <c r="G12" s="17">
        <v>-9.1999999999999993</v>
      </c>
      <c r="H12" s="16">
        <v>4789</v>
      </c>
      <c r="I12" s="16">
        <v>3395</v>
      </c>
      <c r="J12" s="16">
        <v>1394</v>
      </c>
      <c r="K12" s="16">
        <v>4526</v>
      </c>
      <c r="L12" s="16">
        <v>3265</v>
      </c>
      <c r="M12" s="16">
        <v>1253</v>
      </c>
      <c r="N12" s="15">
        <v>-5.5</v>
      </c>
      <c r="O12" s="15">
        <v>-3.8</v>
      </c>
      <c r="P12" s="15">
        <v>-10.1</v>
      </c>
      <c r="Q12" s="15">
        <v>13</v>
      </c>
      <c r="R12" s="15">
        <v>13.6</v>
      </c>
      <c r="S12" s="15">
        <v>0.6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1</v>
      </c>
      <c r="F13" s="16">
        <v>1</v>
      </c>
      <c r="G13" s="17">
        <v>0</v>
      </c>
      <c r="H13" s="16">
        <v>204</v>
      </c>
      <c r="I13" s="16">
        <v>187</v>
      </c>
      <c r="J13" s="16">
        <v>17</v>
      </c>
      <c r="K13" s="16">
        <v>59</v>
      </c>
      <c r="L13" s="16">
        <v>48</v>
      </c>
      <c r="M13" s="16">
        <v>11</v>
      </c>
      <c r="N13" s="15">
        <v>-71.099999999999994</v>
      </c>
      <c r="O13" s="15">
        <v>-74.3</v>
      </c>
      <c r="P13" s="15">
        <v>-35.299999999999997</v>
      </c>
      <c r="Q13" s="15">
        <v>204</v>
      </c>
      <c r="R13" s="15">
        <v>59</v>
      </c>
      <c r="S13" s="15">
        <v>-145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100</v>
      </c>
      <c r="F14" s="16">
        <v>91</v>
      </c>
      <c r="G14" s="17">
        <v>-9</v>
      </c>
      <c r="H14" s="16">
        <v>3730</v>
      </c>
      <c r="I14" s="16">
        <v>3026</v>
      </c>
      <c r="J14" s="16">
        <v>704</v>
      </c>
      <c r="K14" s="16">
        <v>2758</v>
      </c>
      <c r="L14" s="16">
        <v>2206</v>
      </c>
      <c r="M14" s="16">
        <v>547</v>
      </c>
      <c r="N14" s="15">
        <v>-26.1</v>
      </c>
      <c r="O14" s="15">
        <v>-27.1</v>
      </c>
      <c r="P14" s="15">
        <v>-22.3</v>
      </c>
      <c r="Q14" s="15">
        <v>37.299999999999997</v>
      </c>
      <c r="R14" s="15">
        <v>30.3</v>
      </c>
      <c r="S14" s="15">
        <v>-7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85</v>
      </c>
      <c r="F15" s="16">
        <v>91</v>
      </c>
      <c r="G15" s="17">
        <v>7.1</v>
      </c>
      <c r="H15" s="16">
        <v>1906</v>
      </c>
      <c r="I15" s="16">
        <v>1506</v>
      </c>
      <c r="J15" s="16">
        <v>400</v>
      </c>
      <c r="K15" s="16">
        <v>2646</v>
      </c>
      <c r="L15" s="16">
        <v>2151</v>
      </c>
      <c r="M15" s="16">
        <v>495</v>
      </c>
      <c r="N15" s="15">
        <v>38.799999999999997</v>
      </c>
      <c r="O15" s="15">
        <v>42.8</v>
      </c>
      <c r="P15" s="15">
        <v>23.8</v>
      </c>
      <c r="Q15" s="15">
        <v>22.4</v>
      </c>
      <c r="R15" s="15">
        <v>29.1</v>
      </c>
      <c r="S15" s="15">
        <v>6.7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2070</v>
      </c>
      <c r="F16" s="16">
        <v>1988</v>
      </c>
      <c r="G16" s="17">
        <v>-4</v>
      </c>
      <c r="H16" s="16">
        <v>20794</v>
      </c>
      <c r="I16" s="16">
        <v>13641</v>
      </c>
      <c r="J16" s="16">
        <v>6976</v>
      </c>
      <c r="K16" s="16">
        <v>21059</v>
      </c>
      <c r="L16" s="16">
        <v>13107</v>
      </c>
      <c r="M16" s="16">
        <v>7904</v>
      </c>
      <c r="N16" s="15">
        <v>1.3</v>
      </c>
      <c r="O16" s="15">
        <v>-3.9</v>
      </c>
      <c r="P16" s="15">
        <v>13.3</v>
      </c>
      <c r="Q16" s="15">
        <v>10</v>
      </c>
      <c r="R16" s="15">
        <v>10.6</v>
      </c>
      <c r="S16" s="15">
        <v>0.6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96</v>
      </c>
      <c r="F17" s="16">
        <v>94</v>
      </c>
      <c r="G17" s="17">
        <v>-2.1</v>
      </c>
      <c r="H17" s="16">
        <v>2000</v>
      </c>
      <c r="I17" s="16">
        <v>1038</v>
      </c>
      <c r="J17" s="16">
        <v>962</v>
      </c>
      <c r="K17" s="16">
        <v>2252</v>
      </c>
      <c r="L17" s="16">
        <v>940</v>
      </c>
      <c r="M17" s="16">
        <v>1303</v>
      </c>
      <c r="N17" s="15">
        <v>12.6</v>
      </c>
      <c r="O17" s="15">
        <v>-9.4</v>
      </c>
      <c r="P17" s="15">
        <v>35.4</v>
      </c>
      <c r="Q17" s="15">
        <v>20.8</v>
      </c>
      <c r="R17" s="15">
        <v>24</v>
      </c>
      <c r="S17" s="15">
        <v>3.2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617</v>
      </c>
      <c r="F18" s="16">
        <v>563</v>
      </c>
      <c r="G18" s="17">
        <v>-8.8000000000000007</v>
      </c>
      <c r="H18" s="16">
        <v>3050</v>
      </c>
      <c r="I18" s="16">
        <v>1897</v>
      </c>
      <c r="J18" s="16">
        <v>1153</v>
      </c>
      <c r="K18" s="16">
        <v>3021</v>
      </c>
      <c r="L18" s="16">
        <v>1769</v>
      </c>
      <c r="M18" s="16">
        <v>1177</v>
      </c>
      <c r="N18" s="15">
        <v>-1</v>
      </c>
      <c r="O18" s="15">
        <v>-6.7</v>
      </c>
      <c r="P18" s="15">
        <v>2.1</v>
      </c>
      <c r="Q18" s="15">
        <v>4.9000000000000004</v>
      </c>
      <c r="R18" s="15">
        <v>5.4</v>
      </c>
      <c r="S18" s="15">
        <v>0.5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215</v>
      </c>
      <c r="F19" s="16">
        <v>221</v>
      </c>
      <c r="G19" s="17">
        <v>2.8</v>
      </c>
      <c r="H19" s="16">
        <v>1642</v>
      </c>
      <c r="I19" s="16">
        <v>1166</v>
      </c>
      <c r="J19" s="16">
        <v>476</v>
      </c>
      <c r="K19" s="16">
        <v>1857</v>
      </c>
      <c r="L19" s="16">
        <v>1308</v>
      </c>
      <c r="M19" s="16">
        <v>539</v>
      </c>
      <c r="N19" s="15">
        <v>13.1</v>
      </c>
      <c r="O19" s="15">
        <v>12.2</v>
      </c>
      <c r="P19" s="15">
        <v>13.2</v>
      </c>
      <c r="Q19" s="15">
        <v>7.6</v>
      </c>
      <c r="R19" s="15">
        <v>8.4</v>
      </c>
      <c r="S19" s="15">
        <v>0.8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827</v>
      </c>
      <c r="F20" s="16">
        <v>830</v>
      </c>
      <c r="G20" s="17">
        <v>0.4</v>
      </c>
      <c r="H20" s="16">
        <v>7070</v>
      </c>
      <c r="I20" s="16">
        <v>3427</v>
      </c>
      <c r="J20" s="16">
        <v>3631</v>
      </c>
      <c r="K20" s="16">
        <v>6752</v>
      </c>
      <c r="L20" s="16">
        <v>3375</v>
      </c>
      <c r="M20" s="16">
        <v>3284</v>
      </c>
      <c r="N20" s="15">
        <v>-4.5</v>
      </c>
      <c r="O20" s="15">
        <v>-1.5</v>
      </c>
      <c r="P20" s="15">
        <v>-9.6</v>
      </c>
      <c r="Q20" s="15">
        <v>8.5</v>
      </c>
      <c r="R20" s="15">
        <v>8.1</v>
      </c>
      <c r="S20" s="15">
        <v>-0.4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290</v>
      </c>
      <c r="F21" s="16">
        <v>286</v>
      </c>
      <c r="G21" s="17">
        <v>-1.4</v>
      </c>
      <c r="H21" s="16">
        <v>4621</v>
      </c>
      <c r="I21" s="16">
        <v>2482</v>
      </c>
      <c r="J21" s="16">
        <v>2139</v>
      </c>
      <c r="K21" s="16">
        <v>3312</v>
      </c>
      <c r="L21" s="16">
        <v>1761</v>
      </c>
      <c r="M21" s="16">
        <v>1536</v>
      </c>
      <c r="N21" s="15">
        <v>-28.3</v>
      </c>
      <c r="O21" s="15">
        <v>-29</v>
      </c>
      <c r="P21" s="15">
        <v>-28.2</v>
      </c>
      <c r="Q21" s="15">
        <v>15.9</v>
      </c>
      <c r="R21" s="15">
        <v>11.6</v>
      </c>
      <c r="S21" s="15">
        <v>-4.3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76</v>
      </c>
      <c r="F22" s="16">
        <v>79</v>
      </c>
      <c r="G22" s="17">
        <v>3.9</v>
      </c>
      <c r="H22" s="16">
        <v>1228</v>
      </c>
      <c r="I22" s="16">
        <v>648</v>
      </c>
      <c r="J22" s="16">
        <v>580</v>
      </c>
      <c r="K22" s="16">
        <v>1157</v>
      </c>
      <c r="L22" s="16">
        <v>555</v>
      </c>
      <c r="M22" s="16">
        <v>591</v>
      </c>
      <c r="N22" s="15">
        <v>-5.8</v>
      </c>
      <c r="O22" s="15">
        <v>-14.4</v>
      </c>
      <c r="P22" s="15">
        <v>1.9</v>
      </c>
      <c r="Q22" s="15">
        <v>16.2</v>
      </c>
      <c r="R22" s="15">
        <v>14.6</v>
      </c>
      <c r="S22" s="15">
        <v>-1.6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235</v>
      </c>
      <c r="F23" s="16">
        <v>284</v>
      </c>
      <c r="G23" s="17">
        <v>20.9</v>
      </c>
      <c r="H23" s="16">
        <v>3846</v>
      </c>
      <c r="I23" s="16">
        <v>1247</v>
      </c>
      <c r="J23" s="16">
        <v>2591</v>
      </c>
      <c r="K23" s="16">
        <v>4940</v>
      </c>
      <c r="L23" s="16">
        <v>1548</v>
      </c>
      <c r="M23" s="16">
        <v>3338</v>
      </c>
      <c r="N23" s="15">
        <v>28.4</v>
      </c>
      <c r="O23" s="15">
        <v>24.1</v>
      </c>
      <c r="P23" s="15">
        <v>28.8</v>
      </c>
      <c r="Q23" s="15">
        <v>16.399999999999999</v>
      </c>
      <c r="R23" s="15">
        <v>17.399999999999999</v>
      </c>
      <c r="S23" s="15">
        <v>1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1</v>
      </c>
      <c r="F24" s="16">
        <v>13</v>
      </c>
      <c r="G24" s="17">
        <v>18.2</v>
      </c>
      <c r="H24" s="16">
        <v>113</v>
      </c>
      <c r="I24" s="16">
        <v>82</v>
      </c>
      <c r="J24" s="16">
        <v>31</v>
      </c>
      <c r="K24" s="16">
        <v>275</v>
      </c>
      <c r="L24" s="16">
        <v>198</v>
      </c>
      <c r="M24" s="16">
        <v>77</v>
      </c>
      <c r="N24" s="15">
        <v>143.4</v>
      </c>
      <c r="O24" s="15">
        <v>141.5</v>
      </c>
      <c r="P24" s="15">
        <v>148.4</v>
      </c>
      <c r="Q24" s="15">
        <v>10.3</v>
      </c>
      <c r="R24" s="15">
        <v>21.2</v>
      </c>
      <c r="S24" s="15">
        <v>10.9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350</v>
      </c>
      <c r="F25" s="10">
        <v>325</v>
      </c>
      <c r="G25" s="9">
        <v>-7.1</v>
      </c>
      <c r="H25" s="10">
        <v>8144</v>
      </c>
      <c r="I25" s="10">
        <v>5107</v>
      </c>
      <c r="J25" s="10">
        <v>3037</v>
      </c>
      <c r="K25" s="10">
        <v>8505</v>
      </c>
      <c r="L25" s="10">
        <v>5309</v>
      </c>
      <c r="M25" s="10">
        <v>3105</v>
      </c>
      <c r="N25" s="8">
        <v>4.4000000000000004</v>
      </c>
      <c r="O25" s="8">
        <v>4</v>
      </c>
      <c r="P25" s="8">
        <v>2.2000000000000002</v>
      </c>
      <c r="Q25" s="8">
        <v>23.3</v>
      </c>
      <c r="R25" s="8">
        <v>26.2</v>
      </c>
      <c r="S25" s="8">
        <v>2.9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9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4350</v>
      </c>
      <c r="F7" s="24">
        <v>4170</v>
      </c>
      <c r="G7" s="25">
        <v>-4.0999999999999996</v>
      </c>
      <c r="H7" s="24">
        <v>46888</v>
      </c>
      <c r="I7" s="24">
        <v>31572</v>
      </c>
      <c r="J7" s="24">
        <v>14963</v>
      </c>
      <c r="K7" s="24">
        <v>48219</v>
      </c>
      <c r="L7" s="24">
        <v>31264</v>
      </c>
      <c r="M7" s="24">
        <v>16907</v>
      </c>
      <c r="N7" s="23">
        <v>2.8</v>
      </c>
      <c r="O7" s="23">
        <v>-1</v>
      </c>
      <c r="P7" s="23">
        <v>13</v>
      </c>
      <c r="Q7" s="23">
        <v>10.8</v>
      </c>
      <c r="R7" s="23">
        <v>11.6</v>
      </c>
      <c r="S7" s="23">
        <v>0.8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 t="s">
        <v>34</v>
      </c>
      <c r="F8" s="16">
        <v>1</v>
      </c>
      <c r="G8" s="17" t="s">
        <v>34</v>
      </c>
      <c r="H8" s="16" t="s">
        <v>34</v>
      </c>
      <c r="I8" s="16" t="s">
        <v>34</v>
      </c>
      <c r="J8" s="16" t="s">
        <v>34</v>
      </c>
      <c r="K8" s="16">
        <v>5</v>
      </c>
      <c r="L8" s="16">
        <v>5</v>
      </c>
      <c r="M8" s="16" t="s">
        <v>34</v>
      </c>
      <c r="N8" s="15" t="s">
        <v>34</v>
      </c>
      <c r="O8" s="15" t="s">
        <v>34</v>
      </c>
      <c r="P8" s="15" t="s">
        <v>34</v>
      </c>
      <c r="Q8" s="15" t="s">
        <v>34</v>
      </c>
      <c r="R8" s="15">
        <v>5</v>
      </c>
      <c r="S8" s="15">
        <v>5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>
        <v>2</v>
      </c>
      <c r="F10" s="16" t="s">
        <v>34</v>
      </c>
      <c r="G10" s="17" t="s">
        <v>34</v>
      </c>
      <c r="H10" s="16">
        <v>5</v>
      </c>
      <c r="I10" s="16">
        <v>3</v>
      </c>
      <c r="J10" s="16">
        <v>2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>
        <v>2.5</v>
      </c>
      <c r="R10" s="15" t="s">
        <v>34</v>
      </c>
      <c r="S10" s="15">
        <v>-2.5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343</v>
      </c>
      <c r="F11" s="16">
        <v>327</v>
      </c>
      <c r="G11" s="17">
        <v>-4.7</v>
      </c>
      <c r="H11" s="16">
        <v>3384</v>
      </c>
      <c r="I11" s="16">
        <v>2871</v>
      </c>
      <c r="J11" s="16">
        <v>513</v>
      </c>
      <c r="K11" s="16">
        <v>3111</v>
      </c>
      <c r="L11" s="16">
        <v>2584</v>
      </c>
      <c r="M11" s="16">
        <v>521</v>
      </c>
      <c r="N11" s="15">
        <v>-8.1</v>
      </c>
      <c r="O11" s="15">
        <v>-10</v>
      </c>
      <c r="P11" s="15">
        <v>1.6</v>
      </c>
      <c r="Q11" s="15">
        <v>9.9</v>
      </c>
      <c r="R11" s="15">
        <v>9.5</v>
      </c>
      <c r="S11" s="15">
        <v>-0.4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1090</v>
      </c>
      <c r="F12" s="16">
        <v>1011</v>
      </c>
      <c r="G12" s="17">
        <v>-7.2</v>
      </c>
      <c r="H12" s="16">
        <v>16023</v>
      </c>
      <c r="I12" s="16">
        <v>12333</v>
      </c>
      <c r="J12" s="16">
        <v>3382</v>
      </c>
      <c r="K12" s="16">
        <v>16304</v>
      </c>
      <c r="L12" s="16">
        <v>12269</v>
      </c>
      <c r="M12" s="16">
        <v>4035</v>
      </c>
      <c r="N12" s="15">
        <v>1.8</v>
      </c>
      <c r="O12" s="15">
        <v>-0.5</v>
      </c>
      <c r="P12" s="15">
        <v>19.3</v>
      </c>
      <c r="Q12" s="15">
        <v>14.7</v>
      </c>
      <c r="R12" s="15">
        <v>16.100000000000001</v>
      </c>
      <c r="S12" s="15">
        <v>1.4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1</v>
      </c>
      <c r="F13" s="16">
        <v>1</v>
      </c>
      <c r="G13" s="17">
        <v>0</v>
      </c>
      <c r="H13" s="16">
        <v>2</v>
      </c>
      <c r="I13" s="16">
        <v>2</v>
      </c>
      <c r="J13" s="16" t="s">
        <v>34</v>
      </c>
      <c r="K13" s="16">
        <v>4</v>
      </c>
      <c r="L13" s="16">
        <v>4</v>
      </c>
      <c r="M13" s="16" t="s">
        <v>34</v>
      </c>
      <c r="N13" s="15">
        <v>100</v>
      </c>
      <c r="O13" s="15">
        <v>100</v>
      </c>
      <c r="P13" s="15" t="s">
        <v>34</v>
      </c>
      <c r="Q13" s="15">
        <v>2</v>
      </c>
      <c r="R13" s="15">
        <v>4</v>
      </c>
      <c r="S13" s="15">
        <v>2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18</v>
      </c>
      <c r="F14" s="16">
        <v>15</v>
      </c>
      <c r="G14" s="17">
        <v>-16.7</v>
      </c>
      <c r="H14" s="16">
        <v>452</v>
      </c>
      <c r="I14" s="16">
        <v>328</v>
      </c>
      <c r="J14" s="16">
        <v>124</v>
      </c>
      <c r="K14" s="16">
        <v>454</v>
      </c>
      <c r="L14" s="16">
        <v>332</v>
      </c>
      <c r="M14" s="16">
        <v>122</v>
      </c>
      <c r="N14" s="15">
        <v>0.4</v>
      </c>
      <c r="O14" s="15">
        <v>1.2</v>
      </c>
      <c r="P14" s="15">
        <v>-1.6</v>
      </c>
      <c r="Q14" s="15">
        <v>25.1</v>
      </c>
      <c r="R14" s="15">
        <v>30.3</v>
      </c>
      <c r="S14" s="15">
        <v>5.2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217</v>
      </c>
      <c r="F15" s="16">
        <v>219</v>
      </c>
      <c r="G15" s="17">
        <v>0.9</v>
      </c>
      <c r="H15" s="16">
        <v>4922</v>
      </c>
      <c r="I15" s="16">
        <v>4080</v>
      </c>
      <c r="J15" s="16">
        <v>842</v>
      </c>
      <c r="K15" s="16">
        <v>4818</v>
      </c>
      <c r="L15" s="16">
        <v>4050</v>
      </c>
      <c r="M15" s="16">
        <v>763</v>
      </c>
      <c r="N15" s="15">
        <v>-2.1</v>
      </c>
      <c r="O15" s="15">
        <v>-0.7</v>
      </c>
      <c r="P15" s="15">
        <v>-9.4</v>
      </c>
      <c r="Q15" s="15">
        <v>22.7</v>
      </c>
      <c r="R15" s="15">
        <v>22</v>
      </c>
      <c r="S15" s="15">
        <v>-0.7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976</v>
      </c>
      <c r="F16" s="16">
        <v>890</v>
      </c>
      <c r="G16" s="17">
        <v>-8.8000000000000007</v>
      </c>
      <c r="H16" s="16">
        <v>9593</v>
      </c>
      <c r="I16" s="16">
        <v>6065</v>
      </c>
      <c r="J16" s="16">
        <v>3528</v>
      </c>
      <c r="K16" s="16">
        <v>9511</v>
      </c>
      <c r="L16" s="16">
        <v>5779</v>
      </c>
      <c r="M16" s="16">
        <v>3722</v>
      </c>
      <c r="N16" s="15">
        <v>-0.9</v>
      </c>
      <c r="O16" s="15">
        <v>-4.7</v>
      </c>
      <c r="P16" s="15">
        <v>5.5</v>
      </c>
      <c r="Q16" s="15">
        <v>9.8000000000000007</v>
      </c>
      <c r="R16" s="15">
        <v>10.7</v>
      </c>
      <c r="S16" s="15">
        <v>0.9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33</v>
      </c>
      <c r="F17" s="16">
        <v>28</v>
      </c>
      <c r="G17" s="17">
        <v>-15.2</v>
      </c>
      <c r="H17" s="16">
        <v>336</v>
      </c>
      <c r="I17" s="16">
        <v>149</v>
      </c>
      <c r="J17" s="16">
        <v>187</v>
      </c>
      <c r="K17" s="16">
        <v>373</v>
      </c>
      <c r="L17" s="16">
        <v>160</v>
      </c>
      <c r="M17" s="16">
        <v>213</v>
      </c>
      <c r="N17" s="15">
        <v>11</v>
      </c>
      <c r="O17" s="15">
        <v>7.4</v>
      </c>
      <c r="P17" s="15">
        <v>13.9</v>
      </c>
      <c r="Q17" s="15">
        <v>10.199999999999999</v>
      </c>
      <c r="R17" s="15">
        <v>13.3</v>
      </c>
      <c r="S17" s="15">
        <v>3.1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324</v>
      </c>
      <c r="F18" s="16">
        <v>299</v>
      </c>
      <c r="G18" s="17">
        <v>-7.7</v>
      </c>
      <c r="H18" s="16">
        <v>1184</v>
      </c>
      <c r="I18" s="16">
        <v>797</v>
      </c>
      <c r="J18" s="16">
        <v>387</v>
      </c>
      <c r="K18" s="16">
        <v>1051</v>
      </c>
      <c r="L18" s="16">
        <v>684</v>
      </c>
      <c r="M18" s="16">
        <v>367</v>
      </c>
      <c r="N18" s="15">
        <v>-11.2</v>
      </c>
      <c r="O18" s="15">
        <v>-14.2</v>
      </c>
      <c r="P18" s="15">
        <v>-5.2</v>
      </c>
      <c r="Q18" s="15">
        <v>3.7</v>
      </c>
      <c r="R18" s="15">
        <v>3.5</v>
      </c>
      <c r="S18" s="15">
        <v>-0.2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68</v>
      </c>
      <c r="F19" s="16">
        <v>82</v>
      </c>
      <c r="G19" s="17">
        <v>20.6</v>
      </c>
      <c r="H19" s="16">
        <v>672</v>
      </c>
      <c r="I19" s="16">
        <v>529</v>
      </c>
      <c r="J19" s="16">
        <v>143</v>
      </c>
      <c r="K19" s="16">
        <v>588</v>
      </c>
      <c r="L19" s="16">
        <v>442</v>
      </c>
      <c r="M19" s="16">
        <v>146</v>
      </c>
      <c r="N19" s="15">
        <v>-12.5</v>
      </c>
      <c r="O19" s="15">
        <v>-16.399999999999999</v>
      </c>
      <c r="P19" s="15">
        <v>2.1</v>
      </c>
      <c r="Q19" s="15">
        <v>9.9</v>
      </c>
      <c r="R19" s="15">
        <v>7.2</v>
      </c>
      <c r="S19" s="15">
        <v>-2.7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429</v>
      </c>
      <c r="F20" s="16">
        <v>400</v>
      </c>
      <c r="G20" s="17">
        <v>-6.8</v>
      </c>
      <c r="H20" s="16">
        <v>2582</v>
      </c>
      <c r="I20" s="16">
        <v>1147</v>
      </c>
      <c r="J20" s="16">
        <v>1390</v>
      </c>
      <c r="K20" s="16">
        <v>2422</v>
      </c>
      <c r="L20" s="16">
        <v>1103</v>
      </c>
      <c r="M20" s="16">
        <v>1319</v>
      </c>
      <c r="N20" s="15">
        <v>-6.2</v>
      </c>
      <c r="O20" s="15">
        <v>-3.8</v>
      </c>
      <c r="P20" s="15">
        <v>-5.0999999999999996</v>
      </c>
      <c r="Q20" s="15">
        <v>6</v>
      </c>
      <c r="R20" s="15">
        <v>6.1</v>
      </c>
      <c r="S20" s="15">
        <v>0.1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273</v>
      </c>
      <c r="F21" s="16">
        <v>251</v>
      </c>
      <c r="G21" s="17">
        <v>-8.1</v>
      </c>
      <c r="H21" s="16">
        <v>1101</v>
      </c>
      <c r="I21" s="16">
        <v>508</v>
      </c>
      <c r="J21" s="16">
        <v>593</v>
      </c>
      <c r="K21" s="16">
        <v>1022</v>
      </c>
      <c r="L21" s="16">
        <v>424</v>
      </c>
      <c r="M21" s="16">
        <v>590</v>
      </c>
      <c r="N21" s="15">
        <v>-7.2</v>
      </c>
      <c r="O21" s="15">
        <v>-16.5</v>
      </c>
      <c r="P21" s="15">
        <v>-0.5</v>
      </c>
      <c r="Q21" s="15">
        <v>4</v>
      </c>
      <c r="R21" s="15">
        <v>4.0999999999999996</v>
      </c>
      <c r="S21" s="15">
        <v>0.1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62</v>
      </c>
      <c r="F22" s="16">
        <v>65</v>
      </c>
      <c r="G22" s="17">
        <v>4.8</v>
      </c>
      <c r="H22" s="16">
        <v>451</v>
      </c>
      <c r="I22" s="16">
        <v>216</v>
      </c>
      <c r="J22" s="16">
        <v>235</v>
      </c>
      <c r="K22" s="16">
        <v>515</v>
      </c>
      <c r="L22" s="16">
        <v>223</v>
      </c>
      <c r="M22" s="16">
        <v>292</v>
      </c>
      <c r="N22" s="15">
        <v>14.2</v>
      </c>
      <c r="O22" s="15">
        <v>3.2</v>
      </c>
      <c r="P22" s="15">
        <v>24.3</v>
      </c>
      <c r="Q22" s="15">
        <v>7.3</v>
      </c>
      <c r="R22" s="15">
        <v>7.9</v>
      </c>
      <c r="S22" s="15">
        <v>0.6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275</v>
      </c>
      <c r="F23" s="16">
        <v>336</v>
      </c>
      <c r="G23" s="17">
        <v>22.2</v>
      </c>
      <c r="H23" s="16">
        <v>4183</v>
      </c>
      <c r="I23" s="16">
        <v>1141</v>
      </c>
      <c r="J23" s="16">
        <v>3042</v>
      </c>
      <c r="K23" s="16">
        <v>5889</v>
      </c>
      <c r="L23" s="16">
        <v>1560</v>
      </c>
      <c r="M23" s="16">
        <v>4325</v>
      </c>
      <c r="N23" s="15">
        <v>40.799999999999997</v>
      </c>
      <c r="O23" s="15">
        <v>36.700000000000003</v>
      </c>
      <c r="P23" s="15">
        <v>42.2</v>
      </c>
      <c r="Q23" s="15">
        <v>15.2</v>
      </c>
      <c r="R23" s="15">
        <v>17.5</v>
      </c>
      <c r="S23" s="15">
        <v>2.2999999999999998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3</v>
      </c>
      <c r="F24" s="16">
        <v>12</v>
      </c>
      <c r="G24" s="17">
        <v>-7.7</v>
      </c>
      <c r="H24" s="16">
        <v>110</v>
      </c>
      <c r="I24" s="16">
        <v>65</v>
      </c>
      <c r="J24" s="16">
        <v>45</v>
      </c>
      <c r="K24" s="16">
        <v>241</v>
      </c>
      <c r="L24" s="16">
        <v>172</v>
      </c>
      <c r="M24" s="16">
        <v>69</v>
      </c>
      <c r="N24" s="15">
        <v>119.1</v>
      </c>
      <c r="O24" s="15">
        <v>164.6</v>
      </c>
      <c r="P24" s="15">
        <v>53.3</v>
      </c>
      <c r="Q24" s="15">
        <v>8.5</v>
      </c>
      <c r="R24" s="15">
        <v>20.100000000000001</v>
      </c>
      <c r="S24" s="15">
        <v>11.6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26</v>
      </c>
      <c r="F25" s="10">
        <v>233</v>
      </c>
      <c r="G25" s="9">
        <v>3.1</v>
      </c>
      <c r="H25" s="10">
        <v>1888</v>
      </c>
      <c r="I25" s="10">
        <v>1338</v>
      </c>
      <c r="J25" s="10">
        <v>550</v>
      </c>
      <c r="K25" s="10">
        <v>1911</v>
      </c>
      <c r="L25" s="10">
        <v>1473</v>
      </c>
      <c r="M25" s="10">
        <v>423</v>
      </c>
      <c r="N25" s="8">
        <v>1.2</v>
      </c>
      <c r="O25" s="8">
        <v>10.1</v>
      </c>
      <c r="P25" s="8">
        <v>-23.1</v>
      </c>
      <c r="Q25" s="8">
        <v>8.4</v>
      </c>
      <c r="R25" s="8">
        <v>8.1999999999999993</v>
      </c>
      <c r="S25" s="8">
        <v>-0.2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0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12309</v>
      </c>
      <c r="F7" s="24">
        <v>11478</v>
      </c>
      <c r="G7" s="25">
        <v>-6.8</v>
      </c>
      <c r="H7" s="24">
        <v>152303</v>
      </c>
      <c r="I7" s="24">
        <v>96564</v>
      </c>
      <c r="J7" s="24">
        <v>55560</v>
      </c>
      <c r="K7" s="24">
        <v>149802</v>
      </c>
      <c r="L7" s="24">
        <v>94021</v>
      </c>
      <c r="M7" s="24">
        <v>54731</v>
      </c>
      <c r="N7" s="23">
        <v>-1.6</v>
      </c>
      <c r="O7" s="23">
        <v>-2.6</v>
      </c>
      <c r="P7" s="23">
        <v>-1.5</v>
      </c>
      <c r="Q7" s="23">
        <v>12.4</v>
      </c>
      <c r="R7" s="23">
        <v>13.1</v>
      </c>
      <c r="S7" s="23">
        <v>0.7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4</v>
      </c>
      <c r="F8" s="16">
        <v>6</v>
      </c>
      <c r="G8" s="17">
        <v>50</v>
      </c>
      <c r="H8" s="16">
        <v>31</v>
      </c>
      <c r="I8" s="16">
        <v>18</v>
      </c>
      <c r="J8" s="16">
        <v>13</v>
      </c>
      <c r="K8" s="16">
        <v>41</v>
      </c>
      <c r="L8" s="16">
        <v>10</v>
      </c>
      <c r="M8" s="16">
        <v>4</v>
      </c>
      <c r="N8" s="15">
        <v>32.299999999999997</v>
      </c>
      <c r="O8" s="15">
        <v>-44.4</v>
      </c>
      <c r="P8" s="15">
        <v>-69.2</v>
      </c>
      <c r="Q8" s="15">
        <v>7.8</v>
      </c>
      <c r="R8" s="15">
        <v>6.8</v>
      </c>
      <c r="S8" s="15">
        <v>-1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773</v>
      </c>
      <c r="F11" s="16">
        <v>715</v>
      </c>
      <c r="G11" s="17">
        <v>-7.5</v>
      </c>
      <c r="H11" s="16">
        <v>9250</v>
      </c>
      <c r="I11" s="16">
        <v>7848</v>
      </c>
      <c r="J11" s="16">
        <v>1402</v>
      </c>
      <c r="K11" s="16">
        <v>10008</v>
      </c>
      <c r="L11" s="16">
        <v>8504</v>
      </c>
      <c r="M11" s="16">
        <v>1498</v>
      </c>
      <c r="N11" s="15">
        <v>8.1999999999999993</v>
      </c>
      <c r="O11" s="15">
        <v>8.4</v>
      </c>
      <c r="P11" s="15">
        <v>6.8</v>
      </c>
      <c r="Q11" s="15">
        <v>12</v>
      </c>
      <c r="R11" s="15">
        <v>14</v>
      </c>
      <c r="S11" s="15">
        <v>2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1234</v>
      </c>
      <c r="F12" s="16">
        <v>1056</v>
      </c>
      <c r="G12" s="17">
        <v>-14.4</v>
      </c>
      <c r="H12" s="16">
        <v>18813</v>
      </c>
      <c r="I12" s="16">
        <v>13530</v>
      </c>
      <c r="J12" s="16">
        <v>5283</v>
      </c>
      <c r="K12" s="16">
        <v>17244</v>
      </c>
      <c r="L12" s="16">
        <v>12662</v>
      </c>
      <c r="M12" s="16">
        <v>4477</v>
      </c>
      <c r="N12" s="15">
        <v>-8.3000000000000007</v>
      </c>
      <c r="O12" s="15">
        <v>-6.4</v>
      </c>
      <c r="P12" s="15">
        <v>-15.3</v>
      </c>
      <c r="Q12" s="15">
        <v>15.2</v>
      </c>
      <c r="R12" s="15">
        <v>16.3</v>
      </c>
      <c r="S12" s="15">
        <v>1.1000000000000001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5</v>
      </c>
      <c r="F13" s="16">
        <v>9</v>
      </c>
      <c r="G13" s="17">
        <v>80</v>
      </c>
      <c r="H13" s="16">
        <v>229</v>
      </c>
      <c r="I13" s="16">
        <v>198</v>
      </c>
      <c r="J13" s="16">
        <v>31</v>
      </c>
      <c r="K13" s="16">
        <v>94</v>
      </c>
      <c r="L13" s="16">
        <v>82</v>
      </c>
      <c r="M13" s="16">
        <v>12</v>
      </c>
      <c r="N13" s="15">
        <v>-59</v>
      </c>
      <c r="O13" s="15">
        <v>-58.6</v>
      </c>
      <c r="P13" s="15">
        <v>-61.3</v>
      </c>
      <c r="Q13" s="15">
        <v>45.8</v>
      </c>
      <c r="R13" s="15">
        <v>10.4</v>
      </c>
      <c r="S13" s="15">
        <v>-35.4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518</v>
      </c>
      <c r="F14" s="16">
        <v>478</v>
      </c>
      <c r="G14" s="17">
        <v>-7.7</v>
      </c>
      <c r="H14" s="16">
        <v>12580</v>
      </c>
      <c r="I14" s="16">
        <v>9960</v>
      </c>
      <c r="J14" s="16">
        <v>2620</v>
      </c>
      <c r="K14" s="16">
        <v>10347</v>
      </c>
      <c r="L14" s="16">
        <v>7772</v>
      </c>
      <c r="M14" s="16">
        <v>2283</v>
      </c>
      <c r="N14" s="15">
        <v>-17.8</v>
      </c>
      <c r="O14" s="15">
        <v>-22</v>
      </c>
      <c r="P14" s="15">
        <v>-12.9</v>
      </c>
      <c r="Q14" s="15">
        <v>24.3</v>
      </c>
      <c r="R14" s="15">
        <v>21.6</v>
      </c>
      <c r="S14" s="15">
        <v>-2.7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231</v>
      </c>
      <c r="F15" s="16">
        <v>187</v>
      </c>
      <c r="G15" s="17">
        <v>-19</v>
      </c>
      <c r="H15" s="16">
        <v>8305</v>
      </c>
      <c r="I15" s="16">
        <v>7134</v>
      </c>
      <c r="J15" s="16">
        <v>1166</v>
      </c>
      <c r="K15" s="16">
        <v>8168</v>
      </c>
      <c r="L15" s="16">
        <v>6736</v>
      </c>
      <c r="M15" s="16">
        <v>1426</v>
      </c>
      <c r="N15" s="15">
        <v>-1.6</v>
      </c>
      <c r="O15" s="15">
        <v>-5.6</v>
      </c>
      <c r="P15" s="15">
        <v>22.3</v>
      </c>
      <c r="Q15" s="15">
        <v>36</v>
      </c>
      <c r="R15" s="15">
        <v>43.7</v>
      </c>
      <c r="S15" s="15">
        <v>7.7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3546</v>
      </c>
      <c r="F16" s="16">
        <v>3365</v>
      </c>
      <c r="G16" s="17">
        <v>-5.0999999999999996</v>
      </c>
      <c r="H16" s="16">
        <v>38484</v>
      </c>
      <c r="I16" s="16">
        <v>24236</v>
      </c>
      <c r="J16" s="16">
        <v>14220</v>
      </c>
      <c r="K16" s="16">
        <v>39564</v>
      </c>
      <c r="L16" s="16">
        <v>24521</v>
      </c>
      <c r="M16" s="16">
        <v>14974</v>
      </c>
      <c r="N16" s="15">
        <v>2.8</v>
      </c>
      <c r="O16" s="15">
        <v>1.2</v>
      </c>
      <c r="P16" s="15">
        <v>5.3</v>
      </c>
      <c r="Q16" s="15">
        <v>10.9</v>
      </c>
      <c r="R16" s="15">
        <v>11.8</v>
      </c>
      <c r="S16" s="15">
        <v>0.9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173</v>
      </c>
      <c r="F17" s="16">
        <v>159</v>
      </c>
      <c r="G17" s="17">
        <v>-8.1</v>
      </c>
      <c r="H17" s="16">
        <v>5293</v>
      </c>
      <c r="I17" s="16">
        <v>1664</v>
      </c>
      <c r="J17" s="16">
        <v>3629</v>
      </c>
      <c r="K17" s="16">
        <v>3087</v>
      </c>
      <c r="L17" s="16">
        <v>1349</v>
      </c>
      <c r="M17" s="16">
        <v>1642</v>
      </c>
      <c r="N17" s="15">
        <v>-41.7</v>
      </c>
      <c r="O17" s="15">
        <v>-18.899999999999999</v>
      </c>
      <c r="P17" s="15">
        <v>-54.8</v>
      </c>
      <c r="Q17" s="15">
        <v>30.6</v>
      </c>
      <c r="R17" s="15">
        <v>19.399999999999999</v>
      </c>
      <c r="S17" s="15">
        <v>-11.2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1107</v>
      </c>
      <c r="F18" s="16">
        <v>978</v>
      </c>
      <c r="G18" s="17">
        <v>-11.7</v>
      </c>
      <c r="H18" s="16">
        <v>5124</v>
      </c>
      <c r="I18" s="16">
        <v>3298</v>
      </c>
      <c r="J18" s="16">
        <v>1826</v>
      </c>
      <c r="K18" s="16">
        <v>7166</v>
      </c>
      <c r="L18" s="16">
        <v>4900</v>
      </c>
      <c r="M18" s="16">
        <v>2260</v>
      </c>
      <c r="N18" s="15">
        <v>39.9</v>
      </c>
      <c r="O18" s="15">
        <v>48.6</v>
      </c>
      <c r="P18" s="15">
        <v>23.8</v>
      </c>
      <c r="Q18" s="15">
        <v>4.5999999999999996</v>
      </c>
      <c r="R18" s="15">
        <v>7.3</v>
      </c>
      <c r="S18" s="15">
        <v>2.7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767</v>
      </c>
      <c r="F19" s="16">
        <v>751</v>
      </c>
      <c r="G19" s="17">
        <v>-2.1</v>
      </c>
      <c r="H19" s="16">
        <v>7920</v>
      </c>
      <c r="I19" s="16">
        <v>5496</v>
      </c>
      <c r="J19" s="16">
        <v>2424</v>
      </c>
      <c r="K19" s="16">
        <v>8928</v>
      </c>
      <c r="L19" s="16">
        <v>6249</v>
      </c>
      <c r="M19" s="16">
        <v>2610</v>
      </c>
      <c r="N19" s="15">
        <v>12.7</v>
      </c>
      <c r="O19" s="15">
        <v>13.7</v>
      </c>
      <c r="P19" s="15">
        <v>7.7</v>
      </c>
      <c r="Q19" s="15">
        <v>10.3</v>
      </c>
      <c r="R19" s="15">
        <v>11.9</v>
      </c>
      <c r="S19" s="15">
        <v>1.6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1706</v>
      </c>
      <c r="F20" s="16">
        <v>1509</v>
      </c>
      <c r="G20" s="17">
        <v>-11.5</v>
      </c>
      <c r="H20" s="16">
        <v>13840</v>
      </c>
      <c r="I20" s="16">
        <v>5733</v>
      </c>
      <c r="J20" s="16">
        <v>7961</v>
      </c>
      <c r="K20" s="16">
        <v>13017</v>
      </c>
      <c r="L20" s="16">
        <v>5861</v>
      </c>
      <c r="M20" s="16">
        <v>7134</v>
      </c>
      <c r="N20" s="15">
        <v>-5.9</v>
      </c>
      <c r="O20" s="15">
        <v>2.2000000000000002</v>
      </c>
      <c r="P20" s="15">
        <v>-10.4</v>
      </c>
      <c r="Q20" s="15">
        <v>8.1</v>
      </c>
      <c r="R20" s="15">
        <v>8.6</v>
      </c>
      <c r="S20" s="15">
        <v>0.5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655</v>
      </c>
      <c r="F21" s="16">
        <v>620</v>
      </c>
      <c r="G21" s="17">
        <v>-5.3</v>
      </c>
      <c r="H21" s="16">
        <v>5307</v>
      </c>
      <c r="I21" s="16">
        <v>2842</v>
      </c>
      <c r="J21" s="16">
        <v>2465</v>
      </c>
      <c r="K21" s="16">
        <v>3955</v>
      </c>
      <c r="L21" s="16">
        <v>1877</v>
      </c>
      <c r="M21" s="16">
        <v>2063</v>
      </c>
      <c r="N21" s="15">
        <v>-25.5</v>
      </c>
      <c r="O21" s="15">
        <v>-34</v>
      </c>
      <c r="P21" s="15">
        <v>-16.3</v>
      </c>
      <c r="Q21" s="15">
        <v>8.1</v>
      </c>
      <c r="R21" s="15">
        <v>6.4</v>
      </c>
      <c r="S21" s="15">
        <v>-1.7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212</v>
      </c>
      <c r="F22" s="16">
        <v>201</v>
      </c>
      <c r="G22" s="17">
        <v>-5.2</v>
      </c>
      <c r="H22" s="16">
        <v>3460</v>
      </c>
      <c r="I22" s="16">
        <v>1887</v>
      </c>
      <c r="J22" s="16">
        <v>1573</v>
      </c>
      <c r="K22" s="16">
        <v>2584</v>
      </c>
      <c r="L22" s="16">
        <v>1161</v>
      </c>
      <c r="M22" s="16">
        <v>1372</v>
      </c>
      <c r="N22" s="15">
        <v>-25.3</v>
      </c>
      <c r="O22" s="15">
        <v>-38.5</v>
      </c>
      <c r="P22" s="15">
        <v>-12.8</v>
      </c>
      <c r="Q22" s="15">
        <v>16.3</v>
      </c>
      <c r="R22" s="15">
        <v>12.9</v>
      </c>
      <c r="S22" s="15">
        <v>-3.4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640</v>
      </c>
      <c r="F23" s="16">
        <v>745</v>
      </c>
      <c r="G23" s="17">
        <v>16.399999999999999</v>
      </c>
      <c r="H23" s="16">
        <v>8499</v>
      </c>
      <c r="I23" s="16">
        <v>2744</v>
      </c>
      <c r="J23" s="16">
        <v>5755</v>
      </c>
      <c r="K23" s="16">
        <v>9738</v>
      </c>
      <c r="L23" s="16">
        <v>3034</v>
      </c>
      <c r="M23" s="16">
        <v>6547</v>
      </c>
      <c r="N23" s="15">
        <v>14.6</v>
      </c>
      <c r="O23" s="15">
        <v>10.6</v>
      </c>
      <c r="P23" s="15">
        <v>13.8</v>
      </c>
      <c r="Q23" s="15">
        <v>13.3</v>
      </c>
      <c r="R23" s="15">
        <v>13.1</v>
      </c>
      <c r="S23" s="15">
        <v>-0.2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28</v>
      </c>
      <c r="F24" s="16">
        <v>22</v>
      </c>
      <c r="G24" s="17">
        <v>-21.4</v>
      </c>
      <c r="H24" s="16">
        <v>262</v>
      </c>
      <c r="I24" s="16">
        <v>135</v>
      </c>
      <c r="J24" s="16">
        <v>127</v>
      </c>
      <c r="K24" s="16">
        <v>144</v>
      </c>
      <c r="L24" s="16">
        <v>67</v>
      </c>
      <c r="M24" s="16">
        <v>77</v>
      </c>
      <c r="N24" s="15">
        <v>-45</v>
      </c>
      <c r="O24" s="15">
        <v>-50.4</v>
      </c>
      <c r="P24" s="15">
        <v>-39.4</v>
      </c>
      <c r="Q24" s="15">
        <v>9.4</v>
      </c>
      <c r="R24" s="15">
        <v>6.5</v>
      </c>
      <c r="S24" s="15">
        <v>-2.9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710</v>
      </c>
      <c r="F25" s="10">
        <v>677</v>
      </c>
      <c r="G25" s="9">
        <v>-4.5999999999999996</v>
      </c>
      <c r="H25" s="10">
        <v>14906</v>
      </c>
      <c r="I25" s="10">
        <v>9841</v>
      </c>
      <c r="J25" s="10">
        <v>5065</v>
      </c>
      <c r="K25" s="10">
        <v>15717</v>
      </c>
      <c r="L25" s="10">
        <v>9236</v>
      </c>
      <c r="M25" s="10">
        <v>6352</v>
      </c>
      <c r="N25" s="8">
        <v>5.4</v>
      </c>
      <c r="O25" s="8">
        <v>-6.1</v>
      </c>
      <c r="P25" s="8">
        <v>25.4</v>
      </c>
      <c r="Q25" s="8">
        <v>21</v>
      </c>
      <c r="R25" s="8">
        <v>23.2</v>
      </c>
      <c r="S25" s="8">
        <v>2.2000000000000002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1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5578</v>
      </c>
      <c r="F7" s="24">
        <v>5176</v>
      </c>
      <c r="G7" s="25">
        <v>-7.2</v>
      </c>
      <c r="H7" s="24">
        <v>53207</v>
      </c>
      <c r="I7" s="24">
        <v>29256</v>
      </c>
      <c r="J7" s="24">
        <v>23855</v>
      </c>
      <c r="K7" s="24">
        <v>49182</v>
      </c>
      <c r="L7" s="24">
        <v>26312</v>
      </c>
      <c r="M7" s="24">
        <v>22646</v>
      </c>
      <c r="N7" s="23">
        <v>-7.6</v>
      </c>
      <c r="O7" s="23">
        <v>-10.1</v>
      </c>
      <c r="P7" s="23">
        <v>-5.0999999999999996</v>
      </c>
      <c r="Q7" s="23">
        <v>9.5</v>
      </c>
      <c r="R7" s="23">
        <v>9.5</v>
      </c>
      <c r="S7" s="23">
        <v>0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2</v>
      </c>
      <c r="F8" s="16">
        <v>2</v>
      </c>
      <c r="G8" s="17">
        <v>0</v>
      </c>
      <c r="H8" s="16">
        <v>8</v>
      </c>
      <c r="I8" s="16">
        <v>4</v>
      </c>
      <c r="J8" s="16">
        <v>4</v>
      </c>
      <c r="K8" s="16">
        <v>16</v>
      </c>
      <c r="L8" s="16">
        <v>12</v>
      </c>
      <c r="M8" s="16">
        <v>4</v>
      </c>
      <c r="N8" s="15">
        <v>100</v>
      </c>
      <c r="O8" s="15">
        <v>200</v>
      </c>
      <c r="P8" s="15">
        <v>0</v>
      </c>
      <c r="Q8" s="15">
        <v>4</v>
      </c>
      <c r="R8" s="15">
        <v>8</v>
      </c>
      <c r="S8" s="15">
        <v>4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413</v>
      </c>
      <c r="F11" s="16">
        <v>384</v>
      </c>
      <c r="G11" s="17">
        <v>-7</v>
      </c>
      <c r="H11" s="16">
        <v>3405</v>
      </c>
      <c r="I11" s="16">
        <v>2895</v>
      </c>
      <c r="J11" s="16">
        <v>510</v>
      </c>
      <c r="K11" s="16">
        <v>2808</v>
      </c>
      <c r="L11" s="16">
        <v>2303</v>
      </c>
      <c r="M11" s="16">
        <v>458</v>
      </c>
      <c r="N11" s="15">
        <v>-17.5</v>
      </c>
      <c r="O11" s="15">
        <v>-20.399999999999999</v>
      </c>
      <c r="P11" s="15">
        <v>-10.199999999999999</v>
      </c>
      <c r="Q11" s="15">
        <v>8.1999999999999993</v>
      </c>
      <c r="R11" s="15">
        <v>7.3</v>
      </c>
      <c r="S11" s="15">
        <v>-0.9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401</v>
      </c>
      <c r="F12" s="16">
        <v>343</v>
      </c>
      <c r="G12" s="17">
        <v>-14.5</v>
      </c>
      <c r="H12" s="16">
        <v>8500</v>
      </c>
      <c r="I12" s="16">
        <v>5306</v>
      </c>
      <c r="J12" s="16">
        <v>3194</v>
      </c>
      <c r="K12" s="16">
        <v>7162</v>
      </c>
      <c r="L12" s="16">
        <v>4419</v>
      </c>
      <c r="M12" s="16">
        <v>2740</v>
      </c>
      <c r="N12" s="15">
        <v>-15.7</v>
      </c>
      <c r="O12" s="15">
        <v>-16.7</v>
      </c>
      <c r="P12" s="15">
        <v>-14.2</v>
      </c>
      <c r="Q12" s="15">
        <v>21.2</v>
      </c>
      <c r="R12" s="15">
        <v>20.9</v>
      </c>
      <c r="S12" s="15">
        <v>-0.3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 t="s">
        <v>34</v>
      </c>
      <c r="F13" s="16">
        <v>1</v>
      </c>
      <c r="G13" s="17" t="s">
        <v>34</v>
      </c>
      <c r="H13" s="16" t="s">
        <v>34</v>
      </c>
      <c r="I13" s="16" t="s">
        <v>34</v>
      </c>
      <c r="J13" s="16" t="s">
        <v>34</v>
      </c>
      <c r="K13" s="16">
        <v>7</v>
      </c>
      <c r="L13" s="16" t="s">
        <v>34</v>
      </c>
      <c r="M13" s="16" t="s">
        <v>34</v>
      </c>
      <c r="N13" s="15" t="s">
        <v>34</v>
      </c>
      <c r="O13" s="15" t="s">
        <v>34</v>
      </c>
      <c r="P13" s="15" t="s">
        <v>34</v>
      </c>
      <c r="Q13" s="15" t="s">
        <v>34</v>
      </c>
      <c r="R13" s="15">
        <v>7</v>
      </c>
      <c r="S13" s="15">
        <v>7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71</v>
      </c>
      <c r="F14" s="16">
        <v>62</v>
      </c>
      <c r="G14" s="17">
        <v>-12.7</v>
      </c>
      <c r="H14" s="16">
        <v>546</v>
      </c>
      <c r="I14" s="16">
        <v>387</v>
      </c>
      <c r="J14" s="16">
        <v>159</v>
      </c>
      <c r="K14" s="16">
        <v>418</v>
      </c>
      <c r="L14" s="16">
        <v>302</v>
      </c>
      <c r="M14" s="16">
        <v>115</v>
      </c>
      <c r="N14" s="15">
        <v>-23.4</v>
      </c>
      <c r="O14" s="15">
        <v>-22</v>
      </c>
      <c r="P14" s="15">
        <v>-27.7</v>
      </c>
      <c r="Q14" s="15">
        <v>7.7</v>
      </c>
      <c r="R14" s="15">
        <v>6.7</v>
      </c>
      <c r="S14" s="15">
        <v>-1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196</v>
      </c>
      <c r="F15" s="16">
        <v>143</v>
      </c>
      <c r="G15" s="17">
        <v>-27</v>
      </c>
      <c r="H15" s="16">
        <v>3307</v>
      </c>
      <c r="I15" s="16">
        <v>2927</v>
      </c>
      <c r="J15" s="16">
        <v>380</v>
      </c>
      <c r="K15" s="16">
        <v>2770</v>
      </c>
      <c r="L15" s="16">
        <v>2337</v>
      </c>
      <c r="M15" s="16">
        <v>432</v>
      </c>
      <c r="N15" s="15">
        <v>-16.2</v>
      </c>
      <c r="O15" s="15">
        <v>-20.2</v>
      </c>
      <c r="P15" s="15">
        <v>13.7</v>
      </c>
      <c r="Q15" s="15">
        <v>16.899999999999999</v>
      </c>
      <c r="R15" s="15">
        <v>19.399999999999999</v>
      </c>
      <c r="S15" s="15">
        <v>2.5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286</v>
      </c>
      <c r="F16" s="16">
        <v>1152</v>
      </c>
      <c r="G16" s="17">
        <v>-10.4</v>
      </c>
      <c r="H16" s="16">
        <v>12880</v>
      </c>
      <c r="I16" s="16">
        <v>7445</v>
      </c>
      <c r="J16" s="16">
        <v>5405</v>
      </c>
      <c r="K16" s="16">
        <v>10975</v>
      </c>
      <c r="L16" s="16">
        <v>5857</v>
      </c>
      <c r="M16" s="16">
        <v>5101</v>
      </c>
      <c r="N16" s="15">
        <v>-14.8</v>
      </c>
      <c r="O16" s="15">
        <v>-21.3</v>
      </c>
      <c r="P16" s="15">
        <v>-5.6</v>
      </c>
      <c r="Q16" s="15">
        <v>10</v>
      </c>
      <c r="R16" s="15">
        <v>9.5</v>
      </c>
      <c r="S16" s="15">
        <v>-0.5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60</v>
      </c>
      <c r="F17" s="16">
        <v>53</v>
      </c>
      <c r="G17" s="17">
        <v>-11.7</v>
      </c>
      <c r="H17" s="16">
        <v>592</v>
      </c>
      <c r="I17" s="16">
        <v>216</v>
      </c>
      <c r="J17" s="16">
        <v>376</v>
      </c>
      <c r="K17" s="16">
        <v>595</v>
      </c>
      <c r="L17" s="16">
        <v>222</v>
      </c>
      <c r="M17" s="16">
        <v>373</v>
      </c>
      <c r="N17" s="15">
        <v>0.5</v>
      </c>
      <c r="O17" s="15">
        <v>2.8</v>
      </c>
      <c r="P17" s="15">
        <v>-0.8</v>
      </c>
      <c r="Q17" s="15">
        <v>9.9</v>
      </c>
      <c r="R17" s="15">
        <v>11.2</v>
      </c>
      <c r="S17" s="15">
        <v>1.3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802</v>
      </c>
      <c r="F18" s="16">
        <v>665</v>
      </c>
      <c r="G18" s="17">
        <v>-17.100000000000001</v>
      </c>
      <c r="H18" s="16">
        <v>2479</v>
      </c>
      <c r="I18" s="16">
        <v>1401</v>
      </c>
      <c r="J18" s="16">
        <v>1078</v>
      </c>
      <c r="K18" s="16">
        <v>2125</v>
      </c>
      <c r="L18" s="16">
        <v>1197</v>
      </c>
      <c r="M18" s="16">
        <v>928</v>
      </c>
      <c r="N18" s="15">
        <v>-14.3</v>
      </c>
      <c r="O18" s="15">
        <v>-14.6</v>
      </c>
      <c r="P18" s="15">
        <v>-13.9</v>
      </c>
      <c r="Q18" s="15">
        <v>3.1</v>
      </c>
      <c r="R18" s="15">
        <v>3.2</v>
      </c>
      <c r="S18" s="15">
        <v>0.1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59</v>
      </c>
      <c r="F19" s="16">
        <v>156</v>
      </c>
      <c r="G19" s="17">
        <v>-1.9</v>
      </c>
      <c r="H19" s="16">
        <v>1066</v>
      </c>
      <c r="I19" s="16">
        <v>705</v>
      </c>
      <c r="J19" s="16">
        <v>361</v>
      </c>
      <c r="K19" s="16">
        <v>1185</v>
      </c>
      <c r="L19" s="16">
        <v>804</v>
      </c>
      <c r="M19" s="16">
        <v>381</v>
      </c>
      <c r="N19" s="15">
        <v>11.2</v>
      </c>
      <c r="O19" s="15">
        <v>14</v>
      </c>
      <c r="P19" s="15">
        <v>5.5</v>
      </c>
      <c r="Q19" s="15">
        <v>6.7</v>
      </c>
      <c r="R19" s="15">
        <v>7.6</v>
      </c>
      <c r="S19" s="15">
        <v>0.9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788</v>
      </c>
      <c r="F20" s="16">
        <v>727</v>
      </c>
      <c r="G20" s="17">
        <v>-7.7</v>
      </c>
      <c r="H20" s="16">
        <v>4573</v>
      </c>
      <c r="I20" s="16">
        <v>1914</v>
      </c>
      <c r="J20" s="16">
        <v>2593</v>
      </c>
      <c r="K20" s="16">
        <v>4432</v>
      </c>
      <c r="L20" s="16">
        <v>2093</v>
      </c>
      <c r="M20" s="16">
        <v>2304</v>
      </c>
      <c r="N20" s="15">
        <v>-3.1</v>
      </c>
      <c r="O20" s="15">
        <v>9.4</v>
      </c>
      <c r="P20" s="15">
        <v>-11.1</v>
      </c>
      <c r="Q20" s="15">
        <v>5.8</v>
      </c>
      <c r="R20" s="15">
        <v>6.1</v>
      </c>
      <c r="S20" s="15">
        <v>0.3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495</v>
      </c>
      <c r="F21" s="16">
        <v>469</v>
      </c>
      <c r="G21" s="17">
        <v>-5.3</v>
      </c>
      <c r="H21" s="16">
        <v>2950</v>
      </c>
      <c r="I21" s="16">
        <v>1143</v>
      </c>
      <c r="J21" s="16">
        <v>1807</v>
      </c>
      <c r="K21" s="16">
        <v>2381</v>
      </c>
      <c r="L21" s="16">
        <v>1047</v>
      </c>
      <c r="M21" s="16">
        <v>1330</v>
      </c>
      <c r="N21" s="15">
        <v>-19.3</v>
      </c>
      <c r="O21" s="15">
        <v>-8.4</v>
      </c>
      <c r="P21" s="15">
        <v>-26.4</v>
      </c>
      <c r="Q21" s="15">
        <v>6</v>
      </c>
      <c r="R21" s="15">
        <v>5.0999999999999996</v>
      </c>
      <c r="S21" s="15">
        <v>-0.9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131</v>
      </c>
      <c r="F22" s="16">
        <v>145</v>
      </c>
      <c r="G22" s="17">
        <v>10.7</v>
      </c>
      <c r="H22" s="16">
        <v>1903</v>
      </c>
      <c r="I22" s="16">
        <v>896</v>
      </c>
      <c r="J22" s="16">
        <v>1007</v>
      </c>
      <c r="K22" s="16">
        <v>2541</v>
      </c>
      <c r="L22" s="16">
        <v>1256</v>
      </c>
      <c r="M22" s="16">
        <v>1282</v>
      </c>
      <c r="N22" s="15">
        <v>33.5</v>
      </c>
      <c r="O22" s="15">
        <v>40.200000000000003</v>
      </c>
      <c r="P22" s="15">
        <v>27.3</v>
      </c>
      <c r="Q22" s="15">
        <v>14.5</v>
      </c>
      <c r="R22" s="15">
        <v>17.5</v>
      </c>
      <c r="S22" s="15">
        <v>3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489</v>
      </c>
      <c r="F23" s="16">
        <v>606</v>
      </c>
      <c r="G23" s="17">
        <v>23.9</v>
      </c>
      <c r="H23" s="16">
        <v>8484</v>
      </c>
      <c r="I23" s="16">
        <v>2388</v>
      </c>
      <c r="J23" s="16">
        <v>6096</v>
      </c>
      <c r="K23" s="16">
        <v>9047</v>
      </c>
      <c r="L23" s="16">
        <v>2769</v>
      </c>
      <c r="M23" s="16">
        <v>6191</v>
      </c>
      <c r="N23" s="15">
        <v>6.6</v>
      </c>
      <c r="O23" s="15">
        <v>16</v>
      </c>
      <c r="P23" s="15">
        <v>1.6</v>
      </c>
      <c r="Q23" s="15">
        <v>17.3</v>
      </c>
      <c r="R23" s="15">
        <v>14.9</v>
      </c>
      <c r="S23" s="15">
        <v>-2.4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21</v>
      </c>
      <c r="F24" s="16">
        <v>20</v>
      </c>
      <c r="G24" s="17">
        <v>-4.8</v>
      </c>
      <c r="H24" s="16">
        <v>183</v>
      </c>
      <c r="I24" s="16">
        <v>99</v>
      </c>
      <c r="J24" s="16">
        <v>84</v>
      </c>
      <c r="K24" s="16">
        <v>435</v>
      </c>
      <c r="L24" s="16">
        <v>267</v>
      </c>
      <c r="M24" s="16">
        <v>168</v>
      </c>
      <c r="N24" s="15">
        <v>137.69999999999999</v>
      </c>
      <c r="O24" s="15">
        <v>169.7</v>
      </c>
      <c r="P24" s="15">
        <v>100</v>
      </c>
      <c r="Q24" s="15">
        <v>8.6999999999999993</v>
      </c>
      <c r="R24" s="15">
        <v>21.8</v>
      </c>
      <c r="S24" s="15">
        <v>13.1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64</v>
      </c>
      <c r="F25" s="10">
        <v>248</v>
      </c>
      <c r="G25" s="9">
        <v>-6.1</v>
      </c>
      <c r="H25" s="10">
        <v>2331</v>
      </c>
      <c r="I25" s="10">
        <v>1530</v>
      </c>
      <c r="J25" s="10">
        <v>801</v>
      </c>
      <c r="K25" s="10">
        <v>2285</v>
      </c>
      <c r="L25" s="10">
        <v>1427</v>
      </c>
      <c r="M25" s="10">
        <v>839</v>
      </c>
      <c r="N25" s="8">
        <v>-2</v>
      </c>
      <c r="O25" s="8">
        <v>-6.7</v>
      </c>
      <c r="P25" s="8">
        <v>4.7</v>
      </c>
      <c r="Q25" s="8">
        <v>8.8000000000000007</v>
      </c>
      <c r="R25" s="8">
        <v>9.1999999999999993</v>
      </c>
      <c r="S25" s="8">
        <v>0.4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2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5404</v>
      </c>
      <c r="F7" s="24">
        <v>4735</v>
      </c>
      <c r="G7" s="25">
        <v>-12.4</v>
      </c>
      <c r="H7" s="24">
        <v>41025</v>
      </c>
      <c r="I7" s="24">
        <v>23516</v>
      </c>
      <c r="J7" s="24">
        <v>17476</v>
      </c>
      <c r="K7" s="24">
        <v>40666</v>
      </c>
      <c r="L7" s="24">
        <v>23027</v>
      </c>
      <c r="M7" s="24">
        <v>17456</v>
      </c>
      <c r="N7" s="23">
        <v>-0.9</v>
      </c>
      <c r="O7" s="23">
        <v>-2.1</v>
      </c>
      <c r="P7" s="23">
        <v>-0.1</v>
      </c>
      <c r="Q7" s="23">
        <v>7.6</v>
      </c>
      <c r="R7" s="23">
        <v>8.6</v>
      </c>
      <c r="S7" s="23">
        <v>1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1</v>
      </c>
      <c r="F8" s="16">
        <v>1</v>
      </c>
      <c r="G8" s="17">
        <v>0</v>
      </c>
      <c r="H8" s="16">
        <v>12</v>
      </c>
      <c r="I8" s="16">
        <v>11</v>
      </c>
      <c r="J8" s="16">
        <v>1</v>
      </c>
      <c r="K8" s="16">
        <v>9</v>
      </c>
      <c r="L8" s="16">
        <v>8</v>
      </c>
      <c r="M8" s="16">
        <v>1</v>
      </c>
      <c r="N8" s="15">
        <v>-25</v>
      </c>
      <c r="O8" s="15">
        <v>-27.3</v>
      </c>
      <c r="P8" s="15">
        <v>0</v>
      </c>
      <c r="Q8" s="15">
        <v>12</v>
      </c>
      <c r="R8" s="15">
        <v>9</v>
      </c>
      <c r="S8" s="15">
        <v>-3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228</v>
      </c>
      <c r="F11" s="16">
        <v>174</v>
      </c>
      <c r="G11" s="17">
        <v>-23.7</v>
      </c>
      <c r="H11" s="16">
        <v>1678</v>
      </c>
      <c r="I11" s="16">
        <v>1315</v>
      </c>
      <c r="J11" s="16">
        <v>363</v>
      </c>
      <c r="K11" s="16">
        <v>1297</v>
      </c>
      <c r="L11" s="16">
        <v>1005</v>
      </c>
      <c r="M11" s="16">
        <v>290</v>
      </c>
      <c r="N11" s="15">
        <v>-22.7</v>
      </c>
      <c r="O11" s="15">
        <v>-23.6</v>
      </c>
      <c r="P11" s="15">
        <v>-20.100000000000001</v>
      </c>
      <c r="Q11" s="15">
        <v>7.4</v>
      </c>
      <c r="R11" s="15">
        <v>7.5</v>
      </c>
      <c r="S11" s="15">
        <v>0.1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1303</v>
      </c>
      <c r="F12" s="16">
        <v>1006</v>
      </c>
      <c r="G12" s="17">
        <v>-22.8</v>
      </c>
      <c r="H12" s="16">
        <v>10340</v>
      </c>
      <c r="I12" s="16">
        <v>7125</v>
      </c>
      <c r="J12" s="16">
        <v>3215</v>
      </c>
      <c r="K12" s="16">
        <v>8602</v>
      </c>
      <c r="L12" s="16">
        <v>5926</v>
      </c>
      <c r="M12" s="16">
        <v>2652</v>
      </c>
      <c r="N12" s="15">
        <v>-16.8</v>
      </c>
      <c r="O12" s="15">
        <v>-16.8</v>
      </c>
      <c r="P12" s="15">
        <v>-17.5</v>
      </c>
      <c r="Q12" s="15">
        <v>7.9</v>
      </c>
      <c r="R12" s="15">
        <v>8.6</v>
      </c>
      <c r="S12" s="15">
        <v>0.7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 t="s">
        <v>34</v>
      </c>
      <c r="F13" s="16" t="s">
        <v>34</v>
      </c>
      <c r="G13" s="17" t="s">
        <v>34</v>
      </c>
      <c r="H13" s="16" t="s">
        <v>34</v>
      </c>
      <c r="I13" s="16" t="s">
        <v>34</v>
      </c>
      <c r="J13" s="16" t="s">
        <v>34</v>
      </c>
      <c r="K13" s="16" t="s">
        <v>34</v>
      </c>
      <c r="L13" s="16" t="s">
        <v>34</v>
      </c>
      <c r="M13" s="16" t="s">
        <v>34</v>
      </c>
      <c r="N13" s="15" t="s">
        <v>34</v>
      </c>
      <c r="O13" s="15" t="s">
        <v>34</v>
      </c>
      <c r="P13" s="15" t="s">
        <v>34</v>
      </c>
      <c r="Q13" s="15" t="s">
        <v>34</v>
      </c>
      <c r="R13" s="15" t="s">
        <v>34</v>
      </c>
      <c r="S13" s="15" t="s">
        <v>34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43</v>
      </c>
      <c r="F14" s="16">
        <v>39</v>
      </c>
      <c r="G14" s="17">
        <v>-9.3000000000000007</v>
      </c>
      <c r="H14" s="16">
        <v>177</v>
      </c>
      <c r="I14" s="16">
        <v>120</v>
      </c>
      <c r="J14" s="16">
        <v>57</v>
      </c>
      <c r="K14" s="16">
        <v>389</v>
      </c>
      <c r="L14" s="16">
        <v>236</v>
      </c>
      <c r="M14" s="16">
        <v>153</v>
      </c>
      <c r="N14" s="15">
        <v>119.8</v>
      </c>
      <c r="O14" s="15">
        <v>96.7</v>
      </c>
      <c r="P14" s="15">
        <v>168.4</v>
      </c>
      <c r="Q14" s="15">
        <v>4.0999999999999996</v>
      </c>
      <c r="R14" s="15">
        <v>10</v>
      </c>
      <c r="S14" s="15">
        <v>5.9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60</v>
      </c>
      <c r="F15" s="16">
        <v>60</v>
      </c>
      <c r="G15" s="17">
        <v>0</v>
      </c>
      <c r="H15" s="16">
        <v>1234</v>
      </c>
      <c r="I15" s="16">
        <v>1044</v>
      </c>
      <c r="J15" s="16">
        <v>190</v>
      </c>
      <c r="K15" s="16">
        <v>1021</v>
      </c>
      <c r="L15" s="16">
        <v>823</v>
      </c>
      <c r="M15" s="16">
        <v>192</v>
      </c>
      <c r="N15" s="15">
        <v>-17.3</v>
      </c>
      <c r="O15" s="15">
        <v>-21.2</v>
      </c>
      <c r="P15" s="15">
        <v>1.1000000000000001</v>
      </c>
      <c r="Q15" s="15">
        <v>20.6</v>
      </c>
      <c r="R15" s="15">
        <v>17</v>
      </c>
      <c r="S15" s="15">
        <v>-3.6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560</v>
      </c>
      <c r="F16" s="16">
        <v>1365</v>
      </c>
      <c r="G16" s="17">
        <v>-12.5</v>
      </c>
      <c r="H16" s="16">
        <v>10033</v>
      </c>
      <c r="I16" s="16">
        <v>5845</v>
      </c>
      <c r="J16" s="16">
        <v>4188</v>
      </c>
      <c r="K16" s="16">
        <v>10494</v>
      </c>
      <c r="L16" s="16">
        <v>6096</v>
      </c>
      <c r="M16" s="16">
        <v>4348</v>
      </c>
      <c r="N16" s="15">
        <v>4.5999999999999996</v>
      </c>
      <c r="O16" s="15">
        <v>4.3</v>
      </c>
      <c r="P16" s="15">
        <v>3.8</v>
      </c>
      <c r="Q16" s="15">
        <v>6.4</v>
      </c>
      <c r="R16" s="15">
        <v>7.7</v>
      </c>
      <c r="S16" s="15">
        <v>1.3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54</v>
      </c>
      <c r="F17" s="16">
        <v>47</v>
      </c>
      <c r="G17" s="17">
        <v>-13</v>
      </c>
      <c r="H17" s="16">
        <v>656</v>
      </c>
      <c r="I17" s="16">
        <v>317</v>
      </c>
      <c r="J17" s="16">
        <v>339</v>
      </c>
      <c r="K17" s="16">
        <v>740</v>
      </c>
      <c r="L17" s="16">
        <v>312</v>
      </c>
      <c r="M17" s="16">
        <v>422</v>
      </c>
      <c r="N17" s="15">
        <v>12.8</v>
      </c>
      <c r="O17" s="15">
        <v>-1.6</v>
      </c>
      <c r="P17" s="15">
        <v>24.5</v>
      </c>
      <c r="Q17" s="15">
        <v>12.1</v>
      </c>
      <c r="R17" s="15">
        <v>15.7</v>
      </c>
      <c r="S17" s="15">
        <v>3.6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441</v>
      </c>
      <c r="F18" s="16">
        <v>363</v>
      </c>
      <c r="G18" s="17">
        <v>-17.7</v>
      </c>
      <c r="H18" s="16">
        <v>2091</v>
      </c>
      <c r="I18" s="16">
        <v>1081</v>
      </c>
      <c r="J18" s="16">
        <v>1010</v>
      </c>
      <c r="K18" s="16">
        <v>1314</v>
      </c>
      <c r="L18" s="16">
        <v>737</v>
      </c>
      <c r="M18" s="16">
        <v>577</v>
      </c>
      <c r="N18" s="15">
        <v>-37.200000000000003</v>
      </c>
      <c r="O18" s="15">
        <v>-31.8</v>
      </c>
      <c r="P18" s="15">
        <v>-42.9</v>
      </c>
      <c r="Q18" s="15">
        <v>4.7</v>
      </c>
      <c r="R18" s="15">
        <v>3.6</v>
      </c>
      <c r="S18" s="15">
        <v>-1.1000000000000001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43</v>
      </c>
      <c r="F19" s="16">
        <v>142</v>
      </c>
      <c r="G19" s="17">
        <v>-0.7</v>
      </c>
      <c r="H19" s="16">
        <v>902</v>
      </c>
      <c r="I19" s="16">
        <v>570</v>
      </c>
      <c r="J19" s="16">
        <v>332</v>
      </c>
      <c r="K19" s="16">
        <v>881</v>
      </c>
      <c r="L19" s="16">
        <v>591</v>
      </c>
      <c r="M19" s="16">
        <v>290</v>
      </c>
      <c r="N19" s="15">
        <v>-2.2999999999999998</v>
      </c>
      <c r="O19" s="15">
        <v>3.7</v>
      </c>
      <c r="P19" s="15">
        <v>-12.7</v>
      </c>
      <c r="Q19" s="15">
        <v>6.3</v>
      </c>
      <c r="R19" s="15">
        <v>6.2</v>
      </c>
      <c r="S19" s="15">
        <v>-0.1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614</v>
      </c>
      <c r="F20" s="16">
        <v>552</v>
      </c>
      <c r="G20" s="17">
        <v>-10.1</v>
      </c>
      <c r="H20" s="16">
        <v>2755</v>
      </c>
      <c r="I20" s="16">
        <v>1189</v>
      </c>
      <c r="J20" s="16">
        <v>1533</v>
      </c>
      <c r="K20" s="16">
        <v>2557</v>
      </c>
      <c r="L20" s="16">
        <v>1194</v>
      </c>
      <c r="M20" s="16">
        <v>1336</v>
      </c>
      <c r="N20" s="15">
        <v>-7.2</v>
      </c>
      <c r="O20" s="15">
        <v>0.4</v>
      </c>
      <c r="P20" s="15">
        <v>-12.9</v>
      </c>
      <c r="Q20" s="15">
        <v>4.5</v>
      </c>
      <c r="R20" s="15">
        <v>4.5999999999999996</v>
      </c>
      <c r="S20" s="15">
        <v>0.1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299</v>
      </c>
      <c r="F21" s="16">
        <v>281</v>
      </c>
      <c r="G21" s="17">
        <v>-6</v>
      </c>
      <c r="H21" s="16">
        <v>1167</v>
      </c>
      <c r="I21" s="16">
        <v>539</v>
      </c>
      <c r="J21" s="16">
        <v>628</v>
      </c>
      <c r="K21" s="16">
        <v>1250</v>
      </c>
      <c r="L21" s="16">
        <v>617</v>
      </c>
      <c r="M21" s="16">
        <v>633</v>
      </c>
      <c r="N21" s="15">
        <v>7.1</v>
      </c>
      <c r="O21" s="15">
        <v>14.5</v>
      </c>
      <c r="P21" s="15">
        <v>0.8</v>
      </c>
      <c r="Q21" s="15">
        <v>3.9</v>
      </c>
      <c r="R21" s="15">
        <v>4.4000000000000004</v>
      </c>
      <c r="S21" s="15">
        <v>0.5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74</v>
      </c>
      <c r="F22" s="16">
        <v>70</v>
      </c>
      <c r="G22" s="17">
        <v>-5.4</v>
      </c>
      <c r="H22" s="16">
        <v>567</v>
      </c>
      <c r="I22" s="16">
        <v>333</v>
      </c>
      <c r="J22" s="16">
        <v>234</v>
      </c>
      <c r="K22" s="16">
        <v>527</v>
      </c>
      <c r="L22" s="16">
        <v>230</v>
      </c>
      <c r="M22" s="16">
        <v>289</v>
      </c>
      <c r="N22" s="15">
        <v>-7.1</v>
      </c>
      <c r="O22" s="15">
        <v>-30.9</v>
      </c>
      <c r="P22" s="15">
        <v>23.5</v>
      </c>
      <c r="Q22" s="15">
        <v>7.7</v>
      </c>
      <c r="R22" s="15">
        <v>7.5</v>
      </c>
      <c r="S22" s="15">
        <v>-0.2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339</v>
      </c>
      <c r="F23" s="16">
        <v>398</v>
      </c>
      <c r="G23" s="17">
        <v>17.399999999999999</v>
      </c>
      <c r="H23" s="16">
        <v>5563</v>
      </c>
      <c r="I23" s="16">
        <v>1552</v>
      </c>
      <c r="J23" s="16">
        <v>4011</v>
      </c>
      <c r="K23" s="16">
        <v>7178</v>
      </c>
      <c r="L23" s="16">
        <v>2216</v>
      </c>
      <c r="M23" s="16">
        <v>4929</v>
      </c>
      <c r="N23" s="15">
        <v>29</v>
      </c>
      <c r="O23" s="15">
        <v>42.8</v>
      </c>
      <c r="P23" s="15">
        <v>22.9</v>
      </c>
      <c r="Q23" s="15">
        <v>16.399999999999999</v>
      </c>
      <c r="R23" s="15">
        <v>18</v>
      </c>
      <c r="S23" s="15">
        <v>1.6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5</v>
      </c>
      <c r="F24" s="16">
        <v>15</v>
      </c>
      <c r="G24" s="17">
        <v>0</v>
      </c>
      <c r="H24" s="16">
        <v>126</v>
      </c>
      <c r="I24" s="16">
        <v>66</v>
      </c>
      <c r="J24" s="16">
        <v>60</v>
      </c>
      <c r="K24" s="16">
        <v>264</v>
      </c>
      <c r="L24" s="16">
        <v>168</v>
      </c>
      <c r="M24" s="16">
        <v>96</v>
      </c>
      <c r="N24" s="15">
        <v>109.5</v>
      </c>
      <c r="O24" s="15">
        <v>154.5</v>
      </c>
      <c r="P24" s="15">
        <v>60</v>
      </c>
      <c r="Q24" s="15">
        <v>8.4</v>
      </c>
      <c r="R24" s="15">
        <v>17.600000000000001</v>
      </c>
      <c r="S24" s="15">
        <v>9.1999999999999993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30</v>
      </c>
      <c r="F25" s="10">
        <v>222</v>
      </c>
      <c r="G25" s="9">
        <v>-3.5</v>
      </c>
      <c r="H25" s="10">
        <v>3724</v>
      </c>
      <c r="I25" s="10">
        <v>2409</v>
      </c>
      <c r="J25" s="10">
        <v>1315</v>
      </c>
      <c r="K25" s="10">
        <v>4143</v>
      </c>
      <c r="L25" s="10">
        <v>2868</v>
      </c>
      <c r="M25" s="10">
        <v>1248</v>
      </c>
      <c r="N25" s="8">
        <v>11.3</v>
      </c>
      <c r="O25" s="8">
        <v>19.100000000000001</v>
      </c>
      <c r="P25" s="8">
        <v>-5.0999999999999996</v>
      </c>
      <c r="Q25" s="8">
        <v>16.2</v>
      </c>
      <c r="R25" s="8">
        <v>18.7</v>
      </c>
      <c r="S25" s="8">
        <v>2.5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>
    <pageSetUpPr fitToPage="1"/>
  </sheetPr>
  <dimension ref="A1:T26"/>
  <sheetViews>
    <sheetView topLeftCell="A4"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3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8490</v>
      </c>
      <c r="F7" s="24">
        <v>7460</v>
      </c>
      <c r="G7" s="25">
        <v>-12.1</v>
      </c>
      <c r="H7" s="24">
        <v>51028</v>
      </c>
      <c r="I7" s="24">
        <v>27003</v>
      </c>
      <c r="J7" s="24">
        <v>24025</v>
      </c>
      <c r="K7" s="24">
        <v>46796</v>
      </c>
      <c r="L7" s="24">
        <v>24810</v>
      </c>
      <c r="M7" s="24">
        <v>21751</v>
      </c>
      <c r="N7" s="23">
        <v>-8.3000000000000007</v>
      </c>
      <c r="O7" s="23">
        <v>-8.1</v>
      </c>
      <c r="P7" s="23">
        <v>-9.5</v>
      </c>
      <c r="Q7" s="23">
        <v>6</v>
      </c>
      <c r="R7" s="23">
        <v>6.3</v>
      </c>
      <c r="S7" s="23">
        <v>0.3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 t="s">
        <v>34</v>
      </c>
      <c r="F8" s="16" t="s">
        <v>34</v>
      </c>
      <c r="G8" s="17" t="s">
        <v>34</v>
      </c>
      <c r="H8" s="16" t="s">
        <v>34</v>
      </c>
      <c r="I8" s="16" t="s">
        <v>34</v>
      </c>
      <c r="J8" s="16" t="s">
        <v>34</v>
      </c>
      <c r="K8" s="16" t="s">
        <v>34</v>
      </c>
      <c r="L8" s="16" t="s">
        <v>34</v>
      </c>
      <c r="M8" s="16" t="s">
        <v>34</v>
      </c>
      <c r="N8" s="15" t="s">
        <v>34</v>
      </c>
      <c r="O8" s="15" t="s">
        <v>34</v>
      </c>
      <c r="P8" s="15" t="s">
        <v>34</v>
      </c>
      <c r="Q8" s="15" t="s">
        <v>34</v>
      </c>
      <c r="R8" s="15" t="s">
        <v>34</v>
      </c>
      <c r="S8" s="15" t="s">
        <v>34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334</v>
      </c>
      <c r="F11" s="16">
        <v>311</v>
      </c>
      <c r="G11" s="17">
        <v>-6.9</v>
      </c>
      <c r="H11" s="16">
        <v>1680</v>
      </c>
      <c r="I11" s="16">
        <v>1350</v>
      </c>
      <c r="J11" s="16">
        <v>330</v>
      </c>
      <c r="K11" s="16">
        <v>1584</v>
      </c>
      <c r="L11" s="16">
        <v>1296</v>
      </c>
      <c r="M11" s="16">
        <v>280</v>
      </c>
      <c r="N11" s="15">
        <v>-5.7</v>
      </c>
      <c r="O11" s="15">
        <v>-4</v>
      </c>
      <c r="P11" s="15">
        <v>-15.2</v>
      </c>
      <c r="Q11" s="15">
        <v>5</v>
      </c>
      <c r="R11" s="15">
        <v>5.0999999999999996</v>
      </c>
      <c r="S11" s="15">
        <v>0.1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2303</v>
      </c>
      <c r="F12" s="16">
        <v>1962</v>
      </c>
      <c r="G12" s="17">
        <v>-14.8</v>
      </c>
      <c r="H12" s="16">
        <v>16325</v>
      </c>
      <c r="I12" s="16">
        <v>9995</v>
      </c>
      <c r="J12" s="16">
        <v>6330</v>
      </c>
      <c r="K12" s="16">
        <v>14207</v>
      </c>
      <c r="L12" s="16">
        <v>8959</v>
      </c>
      <c r="M12" s="16">
        <v>5244</v>
      </c>
      <c r="N12" s="15">
        <v>-13</v>
      </c>
      <c r="O12" s="15">
        <v>-10.4</v>
      </c>
      <c r="P12" s="15">
        <v>-17.2</v>
      </c>
      <c r="Q12" s="15">
        <v>7.1</v>
      </c>
      <c r="R12" s="15">
        <v>7.2</v>
      </c>
      <c r="S12" s="15">
        <v>0.1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 t="s">
        <v>34</v>
      </c>
      <c r="F13" s="16">
        <v>1</v>
      </c>
      <c r="G13" s="17" t="s">
        <v>34</v>
      </c>
      <c r="H13" s="16" t="s">
        <v>34</v>
      </c>
      <c r="I13" s="16" t="s">
        <v>34</v>
      </c>
      <c r="J13" s="16" t="s">
        <v>34</v>
      </c>
      <c r="K13" s="16">
        <v>35</v>
      </c>
      <c r="L13" s="16">
        <v>33</v>
      </c>
      <c r="M13" s="16">
        <v>2</v>
      </c>
      <c r="N13" s="15" t="s">
        <v>34</v>
      </c>
      <c r="O13" s="15" t="s">
        <v>34</v>
      </c>
      <c r="P13" s="15" t="s">
        <v>34</v>
      </c>
      <c r="Q13" s="15" t="s">
        <v>34</v>
      </c>
      <c r="R13" s="15">
        <v>35</v>
      </c>
      <c r="S13" s="15">
        <v>35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30</v>
      </c>
      <c r="F14" s="16">
        <v>28</v>
      </c>
      <c r="G14" s="17">
        <v>-6.7</v>
      </c>
      <c r="H14" s="16">
        <v>113</v>
      </c>
      <c r="I14" s="16">
        <v>81</v>
      </c>
      <c r="J14" s="16">
        <v>32</v>
      </c>
      <c r="K14" s="16">
        <v>89</v>
      </c>
      <c r="L14" s="16">
        <v>56</v>
      </c>
      <c r="M14" s="16">
        <v>30</v>
      </c>
      <c r="N14" s="15">
        <v>-21.2</v>
      </c>
      <c r="O14" s="15">
        <v>-30.9</v>
      </c>
      <c r="P14" s="15">
        <v>-6.3</v>
      </c>
      <c r="Q14" s="15">
        <v>3.8</v>
      </c>
      <c r="R14" s="15">
        <v>3.2</v>
      </c>
      <c r="S14" s="15">
        <v>-0.6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110</v>
      </c>
      <c r="F15" s="16">
        <v>97</v>
      </c>
      <c r="G15" s="17">
        <v>-11.8</v>
      </c>
      <c r="H15" s="16">
        <v>1781</v>
      </c>
      <c r="I15" s="16">
        <v>1607</v>
      </c>
      <c r="J15" s="16">
        <v>174</v>
      </c>
      <c r="K15" s="16">
        <v>1661</v>
      </c>
      <c r="L15" s="16">
        <v>1478</v>
      </c>
      <c r="M15" s="16">
        <v>183</v>
      </c>
      <c r="N15" s="15">
        <v>-6.7</v>
      </c>
      <c r="O15" s="15">
        <v>-8</v>
      </c>
      <c r="P15" s="15">
        <v>5.2</v>
      </c>
      <c r="Q15" s="15">
        <v>16.2</v>
      </c>
      <c r="R15" s="15">
        <v>17.100000000000001</v>
      </c>
      <c r="S15" s="15">
        <v>0.9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2167</v>
      </c>
      <c r="F16" s="16">
        <v>1822</v>
      </c>
      <c r="G16" s="17">
        <v>-15.9</v>
      </c>
      <c r="H16" s="16">
        <v>10670</v>
      </c>
      <c r="I16" s="16">
        <v>5750</v>
      </c>
      <c r="J16" s="16">
        <v>4920</v>
      </c>
      <c r="K16" s="16">
        <v>9750</v>
      </c>
      <c r="L16" s="16">
        <v>5323</v>
      </c>
      <c r="M16" s="16">
        <v>4401</v>
      </c>
      <c r="N16" s="15">
        <v>-8.6</v>
      </c>
      <c r="O16" s="15">
        <v>-7.4</v>
      </c>
      <c r="P16" s="15">
        <v>-10.5</v>
      </c>
      <c r="Q16" s="15">
        <v>4.9000000000000004</v>
      </c>
      <c r="R16" s="15">
        <v>5.4</v>
      </c>
      <c r="S16" s="15">
        <v>0.5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70</v>
      </c>
      <c r="F17" s="16">
        <v>56</v>
      </c>
      <c r="G17" s="17">
        <v>-20</v>
      </c>
      <c r="H17" s="16">
        <v>610</v>
      </c>
      <c r="I17" s="16">
        <v>327</v>
      </c>
      <c r="J17" s="16">
        <v>283</v>
      </c>
      <c r="K17" s="16">
        <v>569</v>
      </c>
      <c r="L17" s="16">
        <v>310</v>
      </c>
      <c r="M17" s="16">
        <v>259</v>
      </c>
      <c r="N17" s="15">
        <v>-6.7</v>
      </c>
      <c r="O17" s="15">
        <v>-5.2</v>
      </c>
      <c r="P17" s="15">
        <v>-8.5</v>
      </c>
      <c r="Q17" s="15">
        <v>8.6999999999999993</v>
      </c>
      <c r="R17" s="15">
        <v>10.199999999999999</v>
      </c>
      <c r="S17" s="15">
        <v>1.5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665</v>
      </c>
      <c r="F18" s="16">
        <v>582</v>
      </c>
      <c r="G18" s="17">
        <v>-12.5</v>
      </c>
      <c r="H18" s="16">
        <v>1628</v>
      </c>
      <c r="I18" s="16">
        <v>850</v>
      </c>
      <c r="J18" s="16">
        <v>778</v>
      </c>
      <c r="K18" s="16">
        <v>1495</v>
      </c>
      <c r="L18" s="16">
        <v>749</v>
      </c>
      <c r="M18" s="16">
        <v>735</v>
      </c>
      <c r="N18" s="15">
        <v>-8.1999999999999993</v>
      </c>
      <c r="O18" s="15">
        <v>-11.9</v>
      </c>
      <c r="P18" s="15">
        <v>-5.5</v>
      </c>
      <c r="Q18" s="15">
        <v>2.4</v>
      </c>
      <c r="R18" s="15">
        <v>2.6</v>
      </c>
      <c r="S18" s="15">
        <v>0.2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14</v>
      </c>
      <c r="F19" s="16">
        <v>101</v>
      </c>
      <c r="G19" s="17">
        <v>-11.4</v>
      </c>
      <c r="H19" s="16">
        <v>452</v>
      </c>
      <c r="I19" s="16">
        <v>263</v>
      </c>
      <c r="J19" s="16">
        <v>189</v>
      </c>
      <c r="K19" s="16">
        <v>342</v>
      </c>
      <c r="L19" s="16">
        <v>204</v>
      </c>
      <c r="M19" s="16">
        <v>137</v>
      </c>
      <c r="N19" s="15">
        <v>-24.3</v>
      </c>
      <c r="O19" s="15">
        <v>-22.4</v>
      </c>
      <c r="P19" s="15">
        <v>-27.5</v>
      </c>
      <c r="Q19" s="15">
        <v>4</v>
      </c>
      <c r="R19" s="15">
        <v>3.4</v>
      </c>
      <c r="S19" s="15">
        <v>-0.6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1034</v>
      </c>
      <c r="F20" s="16">
        <v>893</v>
      </c>
      <c r="G20" s="17">
        <v>-13.6</v>
      </c>
      <c r="H20" s="16">
        <v>4112</v>
      </c>
      <c r="I20" s="16">
        <v>1699</v>
      </c>
      <c r="J20" s="16">
        <v>2413</v>
      </c>
      <c r="K20" s="16">
        <v>3676</v>
      </c>
      <c r="L20" s="16">
        <v>1557</v>
      </c>
      <c r="M20" s="16">
        <v>2104</v>
      </c>
      <c r="N20" s="15">
        <v>-10.6</v>
      </c>
      <c r="O20" s="15">
        <v>-8.4</v>
      </c>
      <c r="P20" s="15">
        <v>-12.8</v>
      </c>
      <c r="Q20" s="15">
        <v>4</v>
      </c>
      <c r="R20" s="15">
        <v>4.0999999999999996</v>
      </c>
      <c r="S20" s="15">
        <v>0.1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566</v>
      </c>
      <c r="F21" s="16">
        <v>463</v>
      </c>
      <c r="G21" s="17">
        <v>-18.2</v>
      </c>
      <c r="H21" s="16">
        <v>1607</v>
      </c>
      <c r="I21" s="16">
        <v>732</v>
      </c>
      <c r="J21" s="16">
        <v>875</v>
      </c>
      <c r="K21" s="16">
        <v>1364</v>
      </c>
      <c r="L21" s="16">
        <v>665</v>
      </c>
      <c r="M21" s="16">
        <v>697</v>
      </c>
      <c r="N21" s="15">
        <v>-15.1</v>
      </c>
      <c r="O21" s="15">
        <v>-9.1999999999999993</v>
      </c>
      <c r="P21" s="15">
        <v>-20.3</v>
      </c>
      <c r="Q21" s="15">
        <v>2.8</v>
      </c>
      <c r="R21" s="15">
        <v>2.9</v>
      </c>
      <c r="S21" s="15">
        <v>0.1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133</v>
      </c>
      <c r="F22" s="16">
        <v>114</v>
      </c>
      <c r="G22" s="17">
        <v>-14.3</v>
      </c>
      <c r="H22" s="16">
        <v>1298</v>
      </c>
      <c r="I22" s="16">
        <v>674</v>
      </c>
      <c r="J22" s="16">
        <v>624</v>
      </c>
      <c r="K22" s="16">
        <v>967</v>
      </c>
      <c r="L22" s="16">
        <v>445</v>
      </c>
      <c r="M22" s="16">
        <v>522</v>
      </c>
      <c r="N22" s="15">
        <v>-25.5</v>
      </c>
      <c r="O22" s="15">
        <v>-34</v>
      </c>
      <c r="P22" s="15">
        <v>-16.3</v>
      </c>
      <c r="Q22" s="15">
        <v>9.8000000000000007</v>
      </c>
      <c r="R22" s="15">
        <v>8.5</v>
      </c>
      <c r="S22" s="15">
        <v>-1.3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607</v>
      </c>
      <c r="F23" s="16">
        <v>699</v>
      </c>
      <c r="G23" s="17">
        <v>15.2</v>
      </c>
      <c r="H23" s="16">
        <v>9018</v>
      </c>
      <c r="I23" s="16">
        <v>2541</v>
      </c>
      <c r="J23" s="16">
        <v>6477</v>
      </c>
      <c r="K23" s="16">
        <v>9805</v>
      </c>
      <c r="L23" s="16">
        <v>2925</v>
      </c>
      <c r="M23" s="16">
        <v>6715</v>
      </c>
      <c r="N23" s="15">
        <v>8.6999999999999993</v>
      </c>
      <c r="O23" s="15">
        <v>15.1</v>
      </c>
      <c r="P23" s="15">
        <v>3.7</v>
      </c>
      <c r="Q23" s="15">
        <v>14.9</v>
      </c>
      <c r="R23" s="15">
        <v>14</v>
      </c>
      <c r="S23" s="15">
        <v>-0.9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23</v>
      </c>
      <c r="F24" s="16">
        <v>21</v>
      </c>
      <c r="G24" s="17">
        <v>-8.6999999999999993</v>
      </c>
      <c r="H24" s="16">
        <v>257</v>
      </c>
      <c r="I24" s="16">
        <v>177</v>
      </c>
      <c r="J24" s="16">
        <v>80</v>
      </c>
      <c r="K24" s="16">
        <v>128</v>
      </c>
      <c r="L24" s="16">
        <v>60</v>
      </c>
      <c r="M24" s="16">
        <v>68</v>
      </c>
      <c r="N24" s="15">
        <v>-50.2</v>
      </c>
      <c r="O24" s="15">
        <v>-66.099999999999994</v>
      </c>
      <c r="P24" s="15">
        <v>-15</v>
      </c>
      <c r="Q24" s="15">
        <v>11.2</v>
      </c>
      <c r="R24" s="15">
        <v>6.1</v>
      </c>
      <c r="S24" s="15">
        <v>-5.0999999999999996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334</v>
      </c>
      <c r="F25" s="10">
        <v>310</v>
      </c>
      <c r="G25" s="9">
        <v>-7.2</v>
      </c>
      <c r="H25" s="10">
        <v>1477</v>
      </c>
      <c r="I25" s="10">
        <v>957</v>
      </c>
      <c r="J25" s="10">
        <v>520</v>
      </c>
      <c r="K25" s="10">
        <v>1124</v>
      </c>
      <c r="L25" s="10">
        <v>750</v>
      </c>
      <c r="M25" s="10">
        <v>374</v>
      </c>
      <c r="N25" s="8">
        <v>-23.9</v>
      </c>
      <c r="O25" s="8">
        <v>-21.6</v>
      </c>
      <c r="P25" s="8">
        <v>-28.1</v>
      </c>
      <c r="Q25" s="8">
        <v>4.4000000000000004</v>
      </c>
      <c r="R25" s="8">
        <v>3.6</v>
      </c>
      <c r="S25" s="8">
        <v>-0.8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>
    <pageSetUpPr fitToPage="1"/>
  </sheetPr>
  <dimension ref="A1:T26"/>
  <sheetViews>
    <sheetView topLeftCell="A7"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4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3838</v>
      </c>
      <c r="F7" s="24">
        <v>3418</v>
      </c>
      <c r="G7" s="25">
        <v>-10.9</v>
      </c>
      <c r="H7" s="24">
        <v>25441</v>
      </c>
      <c r="I7" s="24">
        <v>13403</v>
      </c>
      <c r="J7" s="24">
        <v>12020</v>
      </c>
      <c r="K7" s="24">
        <v>24777</v>
      </c>
      <c r="L7" s="24">
        <v>12341</v>
      </c>
      <c r="M7" s="24">
        <v>12316</v>
      </c>
      <c r="N7" s="23">
        <v>-2.6</v>
      </c>
      <c r="O7" s="23">
        <v>-7.9</v>
      </c>
      <c r="P7" s="23">
        <v>2.5</v>
      </c>
      <c r="Q7" s="23">
        <v>6.6</v>
      </c>
      <c r="R7" s="23">
        <v>7.2</v>
      </c>
      <c r="S7" s="23">
        <v>0.6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 t="s">
        <v>34</v>
      </c>
      <c r="F8" s="16" t="s">
        <v>34</v>
      </c>
      <c r="G8" s="17" t="s">
        <v>34</v>
      </c>
      <c r="H8" s="16" t="s">
        <v>34</v>
      </c>
      <c r="I8" s="16" t="s">
        <v>34</v>
      </c>
      <c r="J8" s="16" t="s">
        <v>34</v>
      </c>
      <c r="K8" s="16" t="s">
        <v>34</v>
      </c>
      <c r="L8" s="16" t="s">
        <v>34</v>
      </c>
      <c r="M8" s="16" t="s">
        <v>34</v>
      </c>
      <c r="N8" s="15" t="s">
        <v>34</v>
      </c>
      <c r="O8" s="15" t="s">
        <v>34</v>
      </c>
      <c r="P8" s="15" t="s">
        <v>34</v>
      </c>
      <c r="Q8" s="15" t="s">
        <v>34</v>
      </c>
      <c r="R8" s="15" t="s">
        <v>34</v>
      </c>
      <c r="S8" s="15" t="s">
        <v>34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265</v>
      </c>
      <c r="F11" s="16">
        <v>232</v>
      </c>
      <c r="G11" s="17">
        <v>-12.5</v>
      </c>
      <c r="H11" s="16">
        <v>1496</v>
      </c>
      <c r="I11" s="16">
        <v>1219</v>
      </c>
      <c r="J11" s="16">
        <v>277</v>
      </c>
      <c r="K11" s="16">
        <v>1427</v>
      </c>
      <c r="L11" s="16">
        <v>1115</v>
      </c>
      <c r="M11" s="16">
        <v>280</v>
      </c>
      <c r="N11" s="15">
        <v>-4.5999999999999996</v>
      </c>
      <c r="O11" s="15">
        <v>-8.5</v>
      </c>
      <c r="P11" s="15">
        <v>1.1000000000000001</v>
      </c>
      <c r="Q11" s="15">
        <v>5.6</v>
      </c>
      <c r="R11" s="15">
        <v>6.2</v>
      </c>
      <c r="S11" s="15">
        <v>0.6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387</v>
      </c>
      <c r="F12" s="16">
        <v>304</v>
      </c>
      <c r="G12" s="17">
        <v>-21.4</v>
      </c>
      <c r="H12" s="16">
        <v>3122</v>
      </c>
      <c r="I12" s="16">
        <v>1989</v>
      </c>
      <c r="J12" s="16">
        <v>1133</v>
      </c>
      <c r="K12" s="16">
        <v>2638</v>
      </c>
      <c r="L12" s="16">
        <v>1621</v>
      </c>
      <c r="M12" s="16">
        <v>1013</v>
      </c>
      <c r="N12" s="15">
        <v>-15.5</v>
      </c>
      <c r="O12" s="15">
        <v>-18.5</v>
      </c>
      <c r="P12" s="15">
        <v>-10.6</v>
      </c>
      <c r="Q12" s="15">
        <v>8.1</v>
      </c>
      <c r="R12" s="15">
        <v>8.6999999999999993</v>
      </c>
      <c r="S12" s="15">
        <v>0.6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 t="s">
        <v>34</v>
      </c>
      <c r="F13" s="16" t="s">
        <v>34</v>
      </c>
      <c r="G13" s="17" t="s">
        <v>34</v>
      </c>
      <c r="H13" s="16" t="s">
        <v>34</v>
      </c>
      <c r="I13" s="16" t="s">
        <v>34</v>
      </c>
      <c r="J13" s="16" t="s">
        <v>34</v>
      </c>
      <c r="K13" s="16" t="s">
        <v>34</v>
      </c>
      <c r="L13" s="16" t="s">
        <v>34</v>
      </c>
      <c r="M13" s="16" t="s">
        <v>34</v>
      </c>
      <c r="N13" s="15" t="s">
        <v>34</v>
      </c>
      <c r="O13" s="15" t="s">
        <v>34</v>
      </c>
      <c r="P13" s="15" t="s">
        <v>34</v>
      </c>
      <c r="Q13" s="15" t="s">
        <v>34</v>
      </c>
      <c r="R13" s="15" t="s">
        <v>34</v>
      </c>
      <c r="S13" s="15" t="s">
        <v>34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21</v>
      </c>
      <c r="F14" s="16">
        <v>14</v>
      </c>
      <c r="G14" s="17">
        <v>-33.299999999999997</v>
      </c>
      <c r="H14" s="16">
        <v>269</v>
      </c>
      <c r="I14" s="16">
        <v>193</v>
      </c>
      <c r="J14" s="16">
        <v>76</v>
      </c>
      <c r="K14" s="16">
        <v>135</v>
      </c>
      <c r="L14" s="16">
        <v>113</v>
      </c>
      <c r="M14" s="16">
        <v>22</v>
      </c>
      <c r="N14" s="15">
        <v>-49.8</v>
      </c>
      <c r="O14" s="15">
        <v>-41.5</v>
      </c>
      <c r="P14" s="15">
        <v>-71.099999999999994</v>
      </c>
      <c r="Q14" s="15">
        <v>12.8</v>
      </c>
      <c r="R14" s="15">
        <v>9.6</v>
      </c>
      <c r="S14" s="15">
        <v>-3.2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82</v>
      </c>
      <c r="F15" s="16">
        <v>58</v>
      </c>
      <c r="G15" s="17">
        <v>-29.3</v>
      </c>
      <c r="H15" s="16">
        <v>1489</v>
      </c>
      <c r="I15" s="16">
        <v>1259</v>
      </c>
      <c r="J15" s="16">
        <v>230</v>
      </c>
      <c r="K15" s="16">
        <v>1036</v>
      </c>
      <c r="L15" s="16">
        <v>897</v>
      </c>
      <c r="M15" s="16">
        <v>139</v>
      </c>
      <c r="N15" s="15">
        <v>-30.4</v>
      </c>
      <c r="O15" s="15">
        <v>-28.8</v>
      </c>
      <c r="P15" s="15">
        <v>-39.6</v>
      </c>
      <c r="Q15" s="15">
        <v>18.2</v>
      </c>
      <c r="R15" s="15">
        <v>17.899999999999999</v>
      </c>
      <c r="S15" s="15">
        <v>-0.3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018</v>
      </c>
      <c r="F16" s="16">
        <v>889</v>
      </c>
      <c r="G16" s="17">
        <v>-12.7</v>
      </c>
      <c r="H16" s="16">
        <v>6192</v>
      </c>
      <c r="I16" s="16">
        <v>3294</v>
      </c>
      <c r="J16" s="16">
        <v>2880</v>
      </c>
      <c r="K16" s="16">
        <v>6392</v>
      </c>
      <c r="L16" s="16">
        <v>3197</v>
      </c>
      <c r="M16" s="16">
        <v>3195</v>
      </c>
      <c r="N16" s="15">
        <v>3.2</v>
      </c>
      <c r="O16" s="15">
        <v>-2.9</v>
      </c>
      <c r="P16" s="15">
        <v>10.9</v>
      </c>
      <c r="Q16" s="15">
        <v>6.1</v>
      </c>
      <c r="R16" s="15">
        <v>7.2</v>
      </c>
      <c r="S16" s="15">
        <v>1.1000000000000001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40</v>
      </c>
      <c r="F17" s="16">
        <v>29</v>
      </c>
      <c r="G17" s="17">
        <v>-27.5</v>
      </c>
      <c r="H17" s="16">
        <v>357</v>
      </c>
      <c r="I17" s="16">
        <v>163</v>
      </c>
      <c r="J17" s="16">
        <v>194</v>
      </c>
      <c r="K17" s="16">
        <v>415</v>
      </c>
      <c r="L17" s="16">
        <v>168</v>
      </c>
      <c r="M17" s="16">
        <v>247</v>
      </c>
      <c r="N17" s="15">
        <v>16.2</v>
      </c>
      <c r="O17" s="15">
        <v>3.1</v>
      </c>
      <c r="P17" s="15">
        <v>27.3</v>
      </c>
      <c r="Q17" s="15">
        <v>8.9</v>
      </c>
      <c r="R17" s="15">
        <v>14.3</v>
      </c>
      <c r="S17" s="15">
        <v>5.4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425</v>
      </c>
      <c r="F18" s="16">
        <v>348</v>
      </c>
      <c r="G18" s="17">
        <v>-18.100000000000001</v>
      </c>
      <c r="H18" s="16">
        <v>937</v>
      </c>
      <c r="I18" s="16">
        <v>486</v>
      </c>
      <c r="J18" s="16">
        <v>451</v>
      </c>
      <c r="K18" s="16">
        <v>794</v>
      </c>
      <c r="L18" s="16">
        <v>394</v>
      </c>
      <c r="M18" s="16">
        <v>400</v>
      </c>
      <c r="N18" s="15">
        <v>-15.3</v>
      </c>
      <c r="O18" s="15">
        <v>-18.899999999999999</v>
      </c>
      <c r="P18" s="15">
        <v>-11.3</v>
      </c>
      <c r="Q18" s="15">
        <v>2.2000000000000002</v>
      </c>
      <c r="R18" s="15">
        <v>2.2999999999999998</v>
      </c>
      <c r="S18" s="15">
        <v>0.1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92</v>
      </c>
      <c r="F19" s="16">
        <v>87</v>
      </c>
      <c r="G19" s="17">
        <v>-5.4</v>
      </c>
      <c r="H19" s="16">
        <v>536</v>
      </c>
      <c r="I19" s="16">
        <v>351</v>
      </c>
      <c r="J19" s="16">
        <v>185</v>
      </c>
      <c r="K19" s="16">
        <v>388</v>
      </c>
      <c r="L19" s="16">
        <v>234</v>
      </c>
      <c r="M19" s="16">
        <v>153</v>
      </c>
      <c r="N19" s="15">
        <v>-27.6</v>
      </c>
      <c r="O19" s="15">
        <v>-33.299999999999997</v>
      </c>
      <c r="P19" s="15">
        <v>-17.3</v>
      </c>
      <c r="Q19" s="15">
        <v>5.8</v>
      </c>
      <c r="R19" s="15">
        <v>4.5</v>
      </c>
      <c r="S19" s="15">
        <v>-1.3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523</v>
      </c>
      <c r="F20" s="16">
        <v>468</v>
      </c>
      <c r="G20" s="17">
        <v>-10.5</v>
      </c>
      <c r="H20" s="16">
        <v>2276</v>
      </c>
      <c r="I20" s="16">
        <v>957</v>
      </c>
      <c r="J20" s="16">
        <v>1319</v>
      </c>
      <c r="K20" s="16">
        <v>2163</v>
      </c>
      <c r="L20" s="16">
        <v>943</v>
      </c>
      <c r="M20" s="16">
        <v>1184</v>
      </c>
      <c r="N20" s="15">
        <v>-5</v>
      </c>
      <c r="O20" s="15">
        <v>-1.5</v>
      </c>
      <c r="P20" s="15">
        <v>-10.199999999999999</v>
      </c>
      <c r="Q20" s="15">
        <v>4.4000000000000004</v>
      </c>
      <c r="R20" s="15">
        <v>4.5999999999999996</v>
      </c>
      <c r="S20" s="15">
        <v>0.2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324</v>
      </c>
      <c r="F21" s="16">
        <v>285</v>
      </c>
      <c r="G21" s="17">
        <v>-12</v>
      </c>
      <c r="H21" s="16">
        <v>1032</v>
      </c>
      <c r="I21" s="16">
        <v>483</v>
      </c>
      <c r="J21" s="16">
        <v>549</v>
      </c>
      <c r="K21" s="16">
        <v>840</v>
      </c>
      <c r="L21" s="16">
        <v>384</v>
      </c>
      <c r="M21" s="16">
        <v>456</v>
      </c>
      <c r="N21" s="15">
        <v>-18.600000000000001</v>
      </c>
      <c r="O21" s="15">
        <v>-20.5</v>
      </c>
      <c r="P21" s="15">
        <v>-16.899999999999999</v>
      </c>
      <c r="Q21" s="15">
        <v>3.2</v>
      </c>
      <c r="R21" s="15">
        <v>2.9</v>
      </c>
      <c r="S21" s="15">
        <v>-0.3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93</v>
      </c>
      <c r="F22" s="16">
        <v>92</v>
      </c>
      <c r="G22" s="17">
        <v>-1.1000000000000001</v>
      </c>
      <c r="H22" s="16">
        <v>1242</v>
      </c>
      <c r="I22" s="16">
        <v>685</v>
      </c>
      <c r="J22" s="16">
        <v>557</v>
      </c>
      <c r="K22" s="16">
        <v>1245</v>
      </c>
      <c r="L22" s="16">
        <v>640</v>
      </c>
      <c r="M22" s="16">
        <v>605</v>
      </c>
      <c r="N22" s="15">
        <v>0.2</v>
      </c>
      <c r="O22" s="15">
        <v>-6.6</v>
      </c>
      <c r="P22" s="15">
        <v>8.6</v>
      </c>
      <c r="Q22" s="15">
        <v>13.4</v>
      </c>
      <c r="R22" s="15">
        <v>13.5</v>
      </c>
      <c r="S22" s="15">
        <v>0.1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358</v>
      </c>
      <c r="F23" s="16">
        <v>428</v>
      </c>
      <c r="G23" s="17">
        <v>19.600000000000001</v>
      </c>
      <c r="H23" s="16">
        <v>4912</v>
      </c>
      <c r="I23" s="16">
        <v>1487</v>
      </c>
      <c r="J23" s="16">
        <v>3425</v>
      </c>
      <c r="K23" s="16">
        <v>6053</v>
      </c>
      <c r="L23" s="16">
        <v>1811</v>
      </c>
      <c r="M23" s="16">
        <v>4209</v>
      </c>
      <c r="N23" s="15">
        <v>23.2</v>
      </c>
      <c r="O23" s="15">
        <v>21.8</v>
      </c>
      <c r="P23" s="15">
        <v>22.9</v>
      </c>
      <c r="Q23" s="15">
        <v>13.7</v>
      </c>
      <c r="R23" s="15">
        <v>14.1</v>
      </c>
      <c r="S23" s="15">
        <v>0.4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2</v>
      </c>
      <c r="F24" s="16">
        <v>12</v>
      </c>
      <c r="G24" s="17">
        <v>0</v>
      </c>
      <c r="H24" s="16">
        <v>113</v>
      </c>
      <c r="I24" s="16">
        <v>57</v>
      </c>
      <c r="J24" s="16">
        <v>56</v>
      </c>
      <c r="K24" s="16">
        <v>242</v>
      </c>
      <c r="L24" s="16">
        <v>158</v>
      </c>
      <c r="M24" s="16">
        <v>84</v>
      </c>
      <c r="N24" s="15">
        <v>114.2</v>
      </c>
      <c r="O24" s="15">
        <v>177.2</v>
      </c>
      <c r="P24" s="15">
        <v>50</v>
      </c>
      <c r="Q24" s="15">
        <v>9.4</v>
      </c>
      <c r="R24" s="15">
        <v>20.2</v>
      </c>
      <c r="S24" s="15">
        <v>10.8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198</v>
      </c>
      <c r="F25" s="10">
        <v>172</v>
      </c>
      <c r="G25" s="9">
        <v>-13.1</v>
      </c>
      <c r="H25" s="10">
        <v>1468</v>
      </c>
      <c r="I25" s="10">
        <v>780</v>
      </c>
      <c r="J25" s="10">
        <v>688</v>
      </c>
      <c r="K25" s="10">
        <v>1009</v>
      </c>
      <c r="L25" s="10">
        <v>666</v>
      </c>
      <c r="M25" s="10">
        <v>329</v>
      </c>
      <c r="N25" s="8">
        <v>-31.3</v>
      </c>
      <c r="O25" s="8">
        <v>-14.6</v>
      </c>
      <c r="P25" s="8">
        <v>-52.2</v>
      </c>
      <c r="Q25" s="8">
        <v>7.4</v>
      </c>
      <c r="R25" s="8">
        <v>5.9</v>
      </c>
      <c r="S25" s="8">
        <v>-1.5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5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6347</v>
      </c>
      <c r="F7" s="24">
        <v>5524</v>
      </c>
      <c r="G7" s="25">
        <v>-13</v>
      </c>
      <c r="H7" s="24">
        <v>51699</v>
      </c>
      <c r="I7" s="24">
        <v>28487</v>
      </c>
      <c r="J7" s="24">
        <v>23172</v>
      </c>
      <c r="K7" s="24">
        <v>48358</v>
      </c>
      <c r="L7" s="24">
        <v>25922</v>
      </c>
      <c r="M7" s="24">
        <v>22265</v>
      </c>
      <c r="N7" s="23">
        <v>-6.5</v>
      </c>
      <c r="O7" s="23">
        <v>-9</v>
      </c>
      <c r="P7" s="23">
        <v>-3.9</v>
      </c>
      <c r="Q7" s="23">
        <v>8.1</v>
      </c>
      <c r="R7" s="23">
        <v>8.8000000000000007</v>
      </c>
      <c r="S7" s="23">
        <v>0.7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 t="s">
        <v>34</v>
      </c>
      <c r="F8" s="16" t="s">
        <v>34</v>
      </c>
      <c r="G8" s="17" t="s">
        <v>34</v>
      </c>
      <c r="H8" s="16" t="s">
        <v>34</v>
      </c>
      <c r="I8" s="16" t="s">
        <v>34</v>
      </c>
      <c r="J8" s="16" t="s">
        <v>34</v>
      </c>
      <c r="K8" s="16" t="s">
        <v>34</v>
      </c>
      <c r="L8" s="16" t="s">
        <v>34</v>
      </c>
      <c r="M8" s="16" t="s">
        <v>34</v>
      </c>
      <c r="N8" s="15" t="s">
        <v>34</v>
      </c>
      <c r="O8" s="15" t="s">
        <v>34</v>
      </c>
      <c r="P8" s="15" t="s">
        <v>34</v>
      </c>
      <c r="Q8" s="15" t="s">
        <v>34</v>
      </c>
      <c r="R8" s="15" t="s">
        <v>34</v>
      </c>
      <c r="S8" s="15" t="s">
        <v>34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448</v>
      </c>
      <c r="F11" s="16">
        <v>359</v>
      </c>
      <c r="G11" s="17">
        <v>-19.899999999999999</v>
      </c>
      <c r="H11" s="16">
        <v>2741</v>
      </c>
      <c r="I11" s="16">
        <v>2215</v>
      </c>
      <c r="J11" s="16">
        <v>526</v>
      </c>
      <c r="K11" s="16">
        <v>2601</v>
      </c>
      <c r="L11" s="16">
        <v>2094</v>
      </c>
      <c r="M11" s="16">
        <v>483</v>
      </c>
      <c r="N11" s="15">
        <v>-5.0999999999999996</v>
      </c>
      <c r="O11" s="15">
        <v>-5.5</v>
      </c>
      <c r="P11" s="15">
        <v>-8.1999999999999993</v>
      </c>
      <c r="Q11" s="15">
        <v>6.1</v>
      </c>
      <c r="R11" s="15">
        <v>7.2</v>
      </c>
      <c r="S11" s="15">
        <v>1.1000000000000001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1056</v>
      </c>
      <c r="F12" s="16">
        <v>874</v>
      </c>
      <c r="G12" s="17">
        <v>-17.2</v>
      </c>
      <c r="H12" s="16">
        <v>9029</v>
      </c>
      <c r="I12" s="16">
        <v>6017</v>
      </c>
      <c r="J12" s="16">
        <v>3012</v>
      </c>
      <c r="K12" s="16">
        <v>7592</v>
      </c>
      <c r="L12" s="16">
        <v>5104</v>
      </c>
      <c r="M12" s="16">
        <v>2480</v>
      </c>
      <c r="N12" s="15">
        <v>-15.9</v>
      </c>
      <c r="O12" s="15">
        <v>-15.2</v>
      </c>
      <c r="P12" s="15">
        <v>-17.7</v>
      </c>
      <c r="Q12" s="15">
        <v>8.6</v>
      </c>
      <c r="R12" s="15">
        <v>8.6999999999999993</v>
      </c>
      <c r="S12" s="15">
        <v>0.1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2</v>
      </c>
      <c r="F13" s="16">
        <v>5</v>
      </c>
      <c r="G13" s="17">
        <v>150</v>
      </c>
      <c r="H13" s="16">
        <v>239</v>
      </c>
      <c r="I13" s="16">
        <v>233</v>
      </c>
      <c r="J13" s="16">
        <v>6</v>
      </c>
      <c r="K13" s="16">
        <v>219</v>
      </c>
      <c r="L13" s="16">
        <v>209</v>
      </c>
      <c r="M13" s="16">
        <v>10</v>
      </c>
      <c r="N13" s="15">
        <v>-8.4</v>
      </c>
      <c r="O13" s="15">
        <v>-10.3</v>
      </c>
      <c r="P13" s="15">
        <v>66.7</v>
      </c>
      <c r="Q13" s="15">
        <v>119.5</v>
      </c>
      <c r="R13" s="15">
        <v>43.8</v>
      </c>
      <c r="S13" s="15">
        <v>-75.7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51</v>
      </c>
      <c r="F14" s="16">
        <v>33</v>
      </c>
      <c r="G14" s="17">
        <v>-35.299999999999997</v>
      </c>
      <c r="H14" s="16">
        <v>313</v>
      </c>
      <c r="I14" s="16">
        <v>239</v>
      </c>
      <c r="J14" s="16">
        <v>74</v>
      </c>
      <c r="K14" s="16">
        <v>347</v>
      </c>
      <c r="L14" s="16">
        <v>265</v>
      </c>
      <c r="M14" s="16">
        <v>82</v>
      </c>
      <c r="N14" s="15">
        <v>10.9</v>
      </c>
      <c r="O14" s="15">
        <v>10.9</v>
      </c>
      <c r="P14" s="15">
        <v>10.8</v>
      </c>
      <c r="Q14" s="15">
        <v>6.1</v>
      </c>
      <c r="R14" s="15">
        <v>10.5</v>
      </c>
      <c r="S14" s="15">
        <v>4.4000000000000004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199</v>
      </c>
      <c r="F15" s="16">
        <v>152</v>
      </c>
      <c r="G15" s="17">
        <v>-23.6</v>
      </c>
      <c r="H15" s="16">
        <v>3643</v>
      </c>
      <c r="I15" s="16">
        <v>3217</v>
      </c>
      <c r="J15" s="16">
        <v>426</v>
      </c>
      <c r="K15" s="16">
        <v>3471</v>
      </c>
      <c r="L15" s="16">
        <v>3013</v>
      </c>
      <c r="M15" s="16">
        <v>458</v>
      </c>
      <c r="N15" s="15">
        <v>-4.7</v>
      </c>
      <c r="O15" s="15">
        <v>-6.3</v>
      </c>
      <c r="P15" s="15">
        <v>7.5</v>
      </c>
      <c r="Q15" s="15">
        <v>18.3</v>
      </c>
      <c r="R15" s="15">
        <v>22.8</v>
      </c>
      <c r="S15" s="15">
        <v>4.5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409</v>
      </c>
      <c r="F16" s="16">
        <v>1210</v>
      </c>
      <c r="G16" s="17">
        <v>-14.1</v>
      </c>
      <c r="H16" s="16">
        <v>10832</v>
      </c>
      <c r="I16" s="16">
        <v>6079</v>
      </c>
      <c r="J16" s="16">
        <v>4742</v>
      </c>
      <c r="K16" s="16">
        <v>10495</v>
      </c>
      <c r="L16" s="16">
        <v>5555</v>
      </c>
      <c r="M16" s="16">
        <v>4926</v>
      </c>
      <c r="N16" s="15">
        <v>-3.1</v>
      </c>
      <c r="O16" s="15">
        <v>-8.6</v>
      </c>
      <c r="P16" s="15">
        <v>3.9</v>
      </c>
      <c r="Q16" s="15">
        <v>7.7</v>
      </c>
      <c r="R16" s="15">
        <v>8.6999999999999993</v>
      </c>
      <c r="S16" s="15">
        <v>1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61</v>
      </c>
      <c r="F17" s="16">
        <v>59</v>
      </c>
      <c r="G17" s="17">
        <v>-3.3</v>
      </c>
      <c r="H17" s="16">
        <v>915</v>
      </c>
      <c r="I17" s="16">
        <v>409</v>
      </c>
      <c r="J17" s="16">
        <v>506</v>
      </c>
      <c r="K17" s="16">
        <v>1067</v>
      </c>
      <c r="L17" s="16">
        <v>434</v>
      </c>
      <c r="M17" s="16">
        <v>633</v>
      </c>
      <c r="N17" s="15">
        <v>16.600000000000001</v>
      </c>
      <c r="O17" s="15">
        <v>6.1</v>
      </c>
      <c r="P17" s="15">
        <v>25.1</v>
      </c>
      <c r="Q17" s="15">
        <v>15</v>
      </c>
      <c r="R17" s="15">
        <v>18.100000000000001</v>
      </c>
      <c r="S17" s="15">
        <v>3.1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711</v>
      </c>
      <c r="F18" s="16">
        <v>543</v>
      </c>
      <c r="G18" s="17">
        <v>-23.6</v>
      </c>
      <c r="H18" s="16">
        <v>3363</v>
      </c>
      <c r="I18" s="16">
        <v>1778</v>
      </c>
      <c r="J18" s="16">
        <v>1585</v>
      </c>
      <c r="K18" s="16">
        <v>1739</v>
      </c>
      <c r="L18" s="16">
        <v>1021</v>
      </c>
      <c r="M18" s="16">
        <v>718</v>
      </c>
      <c r="N18" s="15">
        <v>-48.3</v>
      </c>
      <c r="O18" s="15">
        <v>-42.6</v>
      </c>
      <c r="P18" s="15">
        <v>-54.7</v>
      </c>
      <c r="Q18" s="15">
        <v>4.7</v>
      </c>
      <c r="R18" s="15">
        <v>3.2</v>
      </c>
      <c r="S18" s="15">
        <v>-1.5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84</v>
      </c>
      <c r="F19" s="16">
        <v>162</v>
      </c>
      <c r="G19" s="17">
        <v>-12</v>
      </c>
      <c r="H19" s="16">
        <v>1394</v>
      </c>
      <c r="I19" s="16">
        <v>899</v>
      </c>
      <c r="J19" s="16">
        <v>495</v>
      </c>
      <c r="K19" s="16">
        <v>1217</v>
      </c>
      <c r="L19" s="16">
        <v>828</v>
      </c>
      <c r="M19" s="16">
        <v>384</v>
      </c>
      <c r="N19" s="15">
        <v>-12.7</v>
      </c>
      <c r="O19" s="15">
        <v>-7.9</v>
      </c>
      <c r="P19" s="15">
        <v>-22.4</v>
      </c>
      <c r="Q19" s="15">
        <v>7.6</v>
      </c>
      <c r="R19" s="15">
        <v>7.5</v>
      </c>
      <c r="S19" s="15">
        <v>-0.1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773</v>
      </c>
      <c r="F20" s="16">
        <v>685</v>
      </c>
      <c r="G20" s="17">
        <v>-11.4</v>
      </c>
      <c r="H20" s="16">
        <v>3893</v>
      </c>
      <c r="I20" s="16">
        <v>1582</v>
      </c>
      <c r="J20" s="16">
        <v>2282</v>
      </c>
      <c r="K20" s="16">
        <v>3892</v>
      </c>
      <c r="L20" s="16">
        <v>1730</v>
      </c>
      <c r="M20" s="16">
        <v>2147</v>
      </c>
      <c r="N20" s="15">
        <v>0</v>
      </c>
      <c r="O20" s="15">
        <v>9.4</v>
      </c>
      <c r="P20" s="15">
        <v>-5.9</v>
      </c>
      <c r="Q20" s="15">
        <v>5</v>
      </c>
      <c r="R20" s="15">
        <v>5.7</v>
      </c>
      <c r="S20" s="15">
        <v>0.7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466</v>
      </c>
      <c r="F21" s="16">
        <v>428</v>
      </c>
      <c r="G21" s="17">
        <v>-8.1999999999999993</v>
      </c>
      <c r="H21" s="16">
        <v>2056</v>
      </c>
      <c r="I21" s="16">
        <v>970</v>
      </c>
      <c r="J21" s="16">
        <v>1086</v>
      </c>
      <c r="K21" s="16">
        <v>1901</v>
      </c>
      <c r="L21" s="16">
        <v>849</v>
      </c>
      <c r="M21" s="16">
        <v>1039</v>
      </c>
      <c r="N21" s="15">
        <v>-7.5</v>
      </c>
      <c r="O21" s="15">
        <v>-12.5</v>
      </c>
      <c r="P21" s="15">
        <v>-4.3</v>
      </c>
      <c r="Q21" s="15">
        <v>4.4000000000000004</v>
      </c>
      <c r="R21" s="15">
        <v>4.4000000000000004</v>
      </c>
      <c r="S21" s="15">
        <v>0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136</v>
      </c>
      <c r="F22" s="16">
        <v>155</v>
      </c>
      <c r="G22" s="17">
        <v>14</v>
      </c>
      <c r="H22" s="16">
        <v>1173</v>
      </c>
      <c r="I22" s="16">
        <v>543</v>
      </c>
      <c r="J22" s="16">
        <v>630</v>
      </c>
      <c r="K22" s="16">
        <v>1422</v>
      </c>
      <c r="L22" s="16">
        <v>570</v>
      </c>
      <c r="M22" s="16">
        <v>852</v>
      </c>
      <c r="N22" s="15">
        <v>21.2</v>
      </c>
      <c r="O22" s="15">
        <v>5</v>
      </c>
      <c r="P22" s="15">
        <v>35.200000000000003</v>
      </c>
      <c r="Q22" s="15">
        <v>8.6</v>
      </c>
      <c r="R22" s="15">
        <v>9.1999999999999993</v>
      </c>
      <c r="S22" s="15">
        <v>0.6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533</v>
      </c>
      <c r="F23" s="16">
        <v>598</v>
      </c>
      <c r="G23" s="17">
        <v>12.2</v>
      </c>
      <c r="H23" s="16">
        <v>8977</v>
      </c>
      <c r="I23" s="16">
        <v>2319</v>
      </c>
      <c r="J23" s="16">
        <v>6658</v>
      </c>
      <c r="K23" s="16">
        <v>10183</v>
      </c>
      <c r="L23" s="16">
        <v>2731</v>
      </c>
      <c r="M23" s="16">
        <v>7409</v>
      </c>
      <c r="N23" s="15">
        <v>13.4</v>
      </c>
      <c r="O23" s="15">
        <v>17.8</v>
      </c>
      <c r="P23" s="15">
        <v>11.3</v>
      </c>
      <c r="Q23" s="15">
        <v>16.8</v>
      </c>
      <c r="R23" s="15">
        <v>17</v>
      </c>
      <c r="S23" s="15">
        <v>0.2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4</v>
      </c>
      <c r="F24" s="16">
        <v>13</v>
      </c>
      <c r="G24" s="17">
        <v>-7.1</v>
      </c>
      <c r="H24" s="16">
        <v>145</v>
      </c>
      <c r="I24" s="16">
        <v>79</v>
      </c>
      <c r="J24" s="16">
        <v>66</v>
      </c>
      <c r="K24" s="16">
        <v>89</v>
      </c>
      <c r="L24" s="16">
        <v>40</v>
      </c>
      <c r="M24" s="16">
        <v>49</v>
      </c>
      <c r="N24" s="15">
        <v>-38.6</v>
      </c>
      <c r="O24" s="15">
        <v>-49.4</v>
      </c>
      <c r="P24" s="15">
        <v>-25.8</v>
      </c>
      <c r="Q24" s="15">
        <v>10.4</v>
      </c>
      <c r="R24" s="15">
        <v>6.8</v>
      </c>
      <c r="S24" s="15">
        <v>-3.6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304</v>
      </c>
      <c r="F25" s="10">
        <v>248</v>
      </c>
      <c r="G25" s="9">
        <v>-18.399999999999999</v>
      </c>
      <c r="H25" s="10">
        <v>2986</v>
      </c>
      <c r="I25" s="10">
        <v>1908</v>
      </c>
      <c r="J25" s="10">
        <v>1078</v>
      </c>
      <c r="K25" s="10">
        <v>2123</v>
      </c>
      <c r="L25" s="10">
        <v>1479</v>
      </c>
      <c r="M25" s="10">
        <v>595</v>
      </c>
      <c r="N25" s="8">
        <v>-28.9</v>
      </c>
      <c r="O25" s="8">
        <v>-22.5</v>
      </c>
      <c r="P25" s="8">
        <v>-44.8</v>
      </c>
      <c r="Q25" s="8">
        <v>9.8000000000000007</v>
      </c>
      <c r="R25" s="8">
        <v>8.6</v>
      </c>
      <c r="S25" s="8">
        <v>-1.2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6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4197</v>
      </c>
      <c r="F7" s="24">
        <v>3857</v>
      </c>
      <c r="G7" s="25">
        <v>-8.1</v>
      </c>
      <c r="H7" s="24">
        <v>37273</v>
      </c>
      <c r="I7" s="24">
        <v>20989</v>
      </c>
      <c r="J7" s="24">
        <v>16181</v>
      </c>
      <c r="K7" s="24">
        <v>36183</v>
      </c>
      <c r="L7" s="24">
        <v>19372</v>
      </c>
      <c r="M7" s="24">
        <v>16614</v>
      </c>
      <c r="N7" s="23">
        <v>-2.9</v>
      </c>
      <c r="O7" s="23">
        <v>-7.7</v>
      </c>
      <c r="P7" s="23">
        <v>2.7</v>
      </c>
      <c r="Q7" s="23">
        <v>8.9</v>
      </c>
      <c r="R7" s="23">
        <v>9.4</v>
      </c>
      <c r="S7" s="23">
        <v>0.5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3</v>
      </c>
      <c r="F8" s="16">
        <v>2</v>
      </c>
      <c r="G8" s="17">
        <v>-33.299999999999997</v>
      </c>
      <c r="H8" s="16">
        <v>17</v>
      </c>
      <c r="I8" s="16">
        <v>12</v>
      </c>
      <c r="J8" s="16">
        <v>5</v>
      </c>
      <c r="K8" s="16">
        <v>15</v>
      </c>
      <c r="L8" s="16">
        <v>11</v>
      </c>
      <c r="M8" s="16">
        <v>4</v>
      </c>
      <c r="N8" s="15">
        <v>-11.8</v>
      </c>
      <c r="O8" s="15">
        <v>-8.3000000000000007</v>
      </c>
      <c r="P8" s="15">
        <v>-20</v>
      </c>
      <c r="Q8" s="15">
        <v>5.7</v>
      </c>
      <c r="R8" s="15">
        <v>7.5</v>
      </c>
      <c r="S8" s="15">
        <v>1.8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377</v>
      </c>
      <c r="F11" s="16">
        <v>335</v>
      </c>
      <c r="G11" s="17">
        <v>-11.1</v>
      </c>
      <c r="H11" s="16">
        <v>2660</v>
      </c>
      <c r="I11" s="16">
        <v>2137</v>
      </c>
      <c r="J11" s="16">
        <v>522</v>
      </c>
      <c r="K11" s="16">
        <v>2422</v>
      </c>
      <c r="L11" s="16">
        <v>1972</v>
      </c>
      <c r="M11" s="16">
        <v>441</v>
      </c>
      <c r="N11" s="15">
        <v>-8.9</v>
      </c>
      <c r="O11" s="15">
        <v>-7.7</v>
      </c>
      <c r="P11" s="15">
        <v>-15.5</v>
      </c>
      <c r="Q11" s="15">
        <v>7.1</v>
      </c>
      <c r="R11" s="15">
        <v>7.2</v>
      </c>
      <c r="S11" s="15">
        <v>0.1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636</v>
      </c>
      <c r="F12" s="16">
        <v>551</v>
      </c>
      <c r="G12" s="17">
        <v>-13.4</v>
      </c>
      <c r="H12" s="16">
        <v>8962</v>
      </c>
      <c r="I12" s="16">
        <v>5976</v>
      </c>
      <c r="J12" s="16">
        <v>2986</v>
      </c>
      <c r="K12" s="16">
        <v>7002</v>
      </c>
      <c r="L12" s="16">
        <v>4615</v>
      </c>
      <c r="M12" s="16">
        <v>2387</v>
      </c>
      <c r="N12" s="15">
        <v>-21.9</v>
      </c>
      <c r="O12" s="15">
        <v>-22.8</v>
      </c>
      <c r="P12" s="15">
        <v>-20.100000000000001</v>
      </c>
      <c r="Q12" s="15">
        <v>14.1</v>
      </c>
      <c r="R12" s="15">
        <v>12.7</v>
      </c>
      <c r="S12" s="15">
        <v>-1.4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2</v>
      </c>
      <c r="F13" s="16">
        <v>3</v>
      </c>
      <c r="G13" s="17">
        <v>50</v>
      </c>
      <c r="H13" s="16">
        <v>16</v>
      </c>
      <c r="I13" s="16">
        <v>16</v>
      </c>
      <c r="J13" s="16" t="s">
        <v>34</v>
      </c>
      <c r="K13" s="16">
        <v>24</v>
      </c>
      <c r="L13" s="16">
        <v>22</v>
      </c>
      <c r="M13" s="16">
        <v>2</v>
      </c>
      <c r="N13" s="15">
        <v>50</v>
      </c>
      <c r="O13" s="15">
        <v>37.5</v>
      </c>
      <c r="P13" s="15" t="s">
        <v>34</v>
      </c>
      <c r="Q13" s="15">
        <v>8</v>
      </c>
      <c r="R13" s="15">
        <v>8</v>
      </c>
      <c r="S13" s="15">
        <v>0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28</v>
      </c>
      <c r="F14" s="16">
        <v>12</v>
      </c>
      <c r="G14" s="17">
        <v>-57.1</v>
      </c>
      <c r="H14" s="16">
        <v>216</v>
      </c>
      <c r="I14" s="16">
        <v>140</v>
      </c>
      <c r="J14" s="16">
        <v>76</v>
      </c>
      <c r="K14" s="16">
        <v>40</v>
      </c>
      <c r="L14" s="16">
        <v>24</v>
      </c>
      <c r="M14" s="16">
        <v>16</v>
      </c>
      <c r="N14" s="15">
        <v>-81.5</v>
      </c>
      <c r="O14" s="15">
        <v>-82.9</v>
      </c>
      <c r="P14" s="15">
        <v>-78.900000000000006</v>
      </c>
      <c r="Q14" s="15">
        <v>7.7</v>
      </c>
      <c r="R14" s="15">
        <v>3.3</v>
      </c>
      <c r="S14" s="15">
        <v>-4.4000000000000004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176</v>
      </c>
      <c r="F15" s="16">
        <v>152</v>
      </c>
      <c r="G15" s="17">
        <v>-13.6</v>
      </c>
      <c r="H15" s="16">
        <v>2875</v>
      </c>
      <c r="I15" s="16">
        <v>2370</v>
      </c>
      <c r="J15" s="16">
        <v>505</v>
      </c>
      <c r="K15" s="16">
        <v>2531</v>
      </c>
      <c r="L15" s="16">
        <v>2037</v>
      </c>
      <c r="M15" s="16">
        <v>494</v>
      </c>
      <c r="N15" s="15">
        <v>-12</v>
      </c>
      <c r="O15" s="15">
        <v>-14.1</v>
      </c>
      <c r="P15" s="15">
        <v>-2.2000000000000002</v>
      </c>
      <c r="Q15" s="15">
        <v>16.3</v>
      </c>
      <c r="R15" s="15">
        <v>16.7</v>
      </c>
      <c r="S15" s="15">
        <v>0.4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984</v>
      </c>
      <c r="F16" s="16">
        <v>932</v>
      </c>
      <c r="G16" s="17">
        <v>-5.3</v>
      </c>
      <c r="H16" s="16">
        <v>8123</v>
      </c>
      <c r="I16" s="16">
        <v>3914</v>
      </c>
      <c r="J16" s="16">
        <v>4191</v>
      </c>
      <c r="K16" s="16">
        <v>8497</v>
      </c>
      <c r="L16" s="16">
        <v>4194</v>
      </c>
      <c r="M16" s="16">
        <v>4300</v>
      </c>
      <c r="N16" s="15">
        <v>4.5999999999999996</v>
      </c>
      <c r="O16" s="15">
        <v>7.2</v>
      </c>
      <c r="P16" s="15">
        <v>2.6</v>
      </c>
      <c r="Q16" s="15">
        <v>8.3000000000000007</v>
      </c>
      <c r="R16" s="15">
        <v>9.1</v>
      </c>
      <c r="S16" s="15">
        <v>0.8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23</v>
      </c>
      <c r="F17" s="16">
        <v>27</v>
      </c>
      <c r="G17" s="17">
        <v>17.399999999999999</v>
      </c>
      <c r="H17" s="16">
        <v>252</v>
      </c>
      <c r="I17" s="16">
        <v>107</v>
      </c>
      <c r="J17" s="16">
        <v>145</v>
      </c>
      <c r="K17" s="16">
        <v>336</v>
      </c>
      <c r="L17" s="16">
        <v>183</v>
      </c>
      <c r="M17" s="16">
        <v>153</v>
      </c>
      <c r="N17" s="15">
        <v>33.299999999999997</v>
      </c>
      <c r="O17" s="15">
        <v>71</v>
      </c>
      <c r="P17" s="15">
        <v>5.5</v>
      </c>
      <c r="Q17" s="15">
        <v>11</v>
      </c>
      <c r="R17" s="15">
        <v>12.4</v>
      </c>
      <c r="S17" s="15">
        <v>1.4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546</v>
      </c>
      <c r="F18" s="16">
        <v>463</v>
      </c>
      <c r="G18" s="17">
        <v>-15.2</v>
      </c>
      <c r="H18" s="16">
        <v>1653</v>
      </c>
      <c r="I18" s="16">
        <v>950</v>
      </c>
      <c r="J18" s="16">
        <v>703</v>
      </c>
      <c r="K18" s="16">
        <v>1372</v>
      </c>
      <c r="L18" s="16">
        <v>790</v>
      </c>
      <c r="M18" s="16">
        <v>572</v>
      </c>
      <c r="N18" s="15">
        <v>-17</v>
      </c>
      <c r="O18" s="15">
        <v>-16.8</v>
      </c>
      <c r="P18" s="15">
        <v>-18.600000000000001</v>
      </c>
      <c r="Q18" s="15">
        <v>3</v>
      </c>
      <c r="R18" s="15">
        <v>3</v>
      </c>
      <c r="S18" s="15">
        <v>0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63</v>
      </c>
      <c r="F19" s="16">
        <v>52</v>
      </c>
      <c r="G19" s="17">
        <v>-17.5</v>
      </c>
      <c r="H19" s="16">
        <v>637</v>
      </c>
      <c r="I19" s="16">
        <v>336</v>
      </c>
      <c r="J19" s="16">
        <v>301</v>
      </c>
      <c r="K19" s="16">
        <v>655</v>
      </c>
      <c r="L19" s="16">
        <v>393</v>
      </c>
      <c r="M19" s="16">
        <v>262</v>
      </c>
      <c r="N19" s="15">
        <v>2.8</v>
      </c>
      <c r="O19" s="15">
        <v>17</v>
      </c>
      <c r="P19" s="15">
        <v>-13</v>
      </c>
      <c r="Q19" s="15">
        <v>10.1</v>
      </c>
      <c r="R19" s="15">
        <v>12.6</v>
      </c>
      <c r="S19" s="15">
        <v>2.5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443</v>
      </c>
      <c r="F20" s="16">
        <v>396</v>
      </c>
      <c r="G20" s="17">
        <v>-10.6</v>
      </c>
      <c r="H20" s="16">
        <v>3342</v>
      </c>
      <c r="I20" s="16">
        <v>1429</v>
      </c>
      <c r="J20" s="16">
        <v>1829</v>
      </c>
      <c r="K20" s="16">
        <v>3260</v>
      </c>
      <c r="L20" s="16">
        <v>1324</v>
      </c>
      <c r="M20" s="16">
        <v>1890</v>
      </c>
      <c r="N20" s="15">
        <v>-2.5</v>
      </c>
      <c r="O20" s="15">
        <v>-7.3</v>
      </c>
      <c r="P20" s="15">
        <v>3.3</v>
      </c>
      <c r="Q20" s="15">
        <v>7.5</v>
      </c>
      <c r="R20" s="15">
        <v>8.1999999999999993</v>
      </c>
      <c r="S20" s="15">
        <v>0.7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303</v>
      </c>
      <c r="F21" s="16">
        <v>285</v>
      </c>
      <c r="G21" s="17">
        <v>-5.9</v>
      </c>
      <c r="H21" s="16">
        <v>1224</v>
      </c>
      <c r="I21" s="16">
        <v>492</v>
      </c>
      <c r="J21" s="16">
        <v>732</v>
      </c>
      <c r="K21" s="16">
        <v>1114</v>
      </c>
      <c r="L21" s="16">
        <v>469</v>
      </c>
      <c r="M21" s="16">
        <v>638</v>
      </c>
      <c r="N21" s="15">
        <v>-9</v>
      </c>
      <c r="O21" s="15">
        <v>-4.7</v>
      </c>
      <c r="P21" s="15">
        <v>-12.8</v>
      </c>
      <c r="Q21" s="15">
        <v>4</v>
      </c>
      <c r="R21" s="15">
        <v>3.9</v>
      </c>
      <c r="S21" s="15">
        <v>-0.1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103</v>
      </c>
      <c r="F22" s="16">
        <v>122</v>
      </c>
      <c r="G22" s="17">
        <v>18.399999999999999</v>
      </c>
      <c r="H22" s="16">
        <v>669</v>
      </c>
      <c r="I22" s="16">
        <v>300</v>
      </c>
      <c r="J22" s="16">
        <v>369</v>
      </c>
      <c r="K22" s="16">
        <v>810</v>
      </c>
      <c r="L22" s="16">
        <v>374</v>
      </c>
      <c r="M22" s="16">
        <v>436</v>
      </c>
      <c r="N22" s="15">
        <v>21.1</v>
      </c>
      <c r="O22" s="15">
        <v>24.7</v>
      </c>
      <c r="P22" s="15">
        <v>18.2</v>
      </c>
      <c r="Q22" s="15">
        <v>6.5</v>
      </c>
      <c r="R22" s="15">
        <v>6.6</v>
      </c>
      <c r="S22" s="15">
        <v>0.1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301</v>
      </c>
      <c r="F23" s="16">
        <v>339</v>
      </c>
      <c r="G23" s="17">
        <v>12.6</v>
      </c>
      <c r="H23" s="16">
        <v>4764</v>
      </c>
      <c r="I23" s="16">
        <v>1404</v>
      </c>
      <c r="J23" s="16">
        <v>3360</v>
      </c>
      <c r="K23" s="16">
        <v>5707</v>
      </c>
      <c r="L23" s="16">
        <v>1478</v>
      </c>
      <c r="M23" s="16">
        <v>4209</v>
      </c>
      <c r="N23" s="15">
        <v>19.8</v>
      </c>
      <c r="O23" s="15">
        <v>5.3</v>
      </c>
      <c r="P23" s="15">
        <v>25.3</v>
      </c>
      <c r="Q23" s="15">
        <v>15.8</v>
      </c>
      <c r="R23" s="15">
        <v>16.8</v>
      </c>
      <c r="S23" s="15">
        <v>1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4</v>
      </c>
      <c r="F24" s="16">
        <v>12</v>
      </c>
      <c r="G24" s="17">
        <v>-14.3</v>
      </c>
      <c r="H24" s="16">
        <v>94</v>
      </c>
      <c r="I24" s="16">
        <v>47</v>
      </c>
      <c r="J24" s="16">
        <v>47</v>
      </c>
      <c r="K24" s="16">
        <v>83</v>
      </c>
      <c r="L24" s="16">
        <v>42</v>
      </c>
      <c r="M24" s="16">
        <v>41</v>
      </c>
      <c r="N24" s="15">
        <v>-11.7</v>
      </c>
      <c r="O24" s="15">
        <v>-10.6</v>
      </c>
      <c r="P24" s="15">
        <v>-12.8</v>
      </c>
      <c r="Q24" s="15">
        <v>6.7</v>
      </c>
      <c r="R24" s="15">
        <v>6.9</v>
      </c>
      <c r="S24" s="15">
        <v>0.2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195</v>
      </c>
      <c r="F25" s="10">
        <v>174</v>
      </c>
      <c r="G25" s="9">
        <v>-10.8</v>
      </c>
      <c r="H25" s="10">
        <v>1769</v>
      </c>
      <c r="I25" s="10">
        <v>1359</v>
      </c>
      <c r="J25" s="10">
        <v>410</v>
      </c>
      <c r="K25" s="10">
        <v>2315</v>
      </c>
      <c r="L25" s="10">
        <v>1444</v>
      </c>
      <c r="M25" s="10">
        <v>769</v>
      </c>
      <c r="N25" s="8">
        <v>30.9</v>
      </c>
      <c r="O25" s="8">
        <v>6.3</v>
      </c>
      <c r="P25" s="8">
        <v>87.6</v>
      </c>
      <c r="Q25" s="8">
        <v>9.1</v>
      </c>
      <c r="R25" s="8">
        <v>13.3</v>
      </c>
      <c r="S25" s="8">
        <v>4.2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>
    <pageSetUpPr fitToPage="1"/>
  </sheetPr>
  <dimension ref="A1:T26"/>
  <sheetViews>
    <sheetView view="pageBreakPreview" zoomScale="85" zoomScaleNormal="70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59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26325</v>
      </c>
      <c r="F7" s="24">
        <v>26275</v>
      </c>
      <c r="G7" s="25">
        <v>-0.2</v>
      </c>
      <c r="H7" s="24">
        <v>411297</v>
      </c>
      <c r="I7" s="24">
        <v>245962</v>
      </c>
      <c r="J7" s="24">
        <v>163433</v>
      </c>
      <c r="K7" s="24">
        <v>452361</v>
      </c>
      <c r="L7" s="24">
        <v>259644</v>
      </c>
      <c r="M7" s="24">
        <v>188809</v>
      </c>
      <c r="N7" s="23">
        <v>10</v>
      </c>
      <c r="O7" s="23">
        <v>5.6</v>
      </c>
      <c r="P7" s="23">
        <v>15.5</v>
      </c>
      <c r="Q7" s="23">
        <v>15.6</v>
      </c>
      <c r="R7" s="23">
        <v>17.2</v>
      </c>
      <c r="S7" s="23">
        <v>1.6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4</v>
      </c>
      <c r="F8" s="16">
        <v>4</v>
      </c>
      <c r="G8" s="17">
        <v>0</v>
      </c>
      <c r="H8" s="16">
        <v>32</v>
      </c>
      <c r="I8" s="16">
        <v>22</v>
      </c>
      <c r="J8" s="16">
        <v>10</v>
      </c>
      <c r="K8" s="16">
        <v>10</v>
      </c>
      <c r="L8" s="16">
        <v>7</v>
      </c>
      <c r="M8" s="16">
        <v>3</v>
      </c>
      <c r="N8" s="15">
        <v>-68.8</v>
      </c>
      <c r="O8" s="15">
        <v>-68.2</v>
      </c>
      <c r="P8" s="15">
        <v>-70</v>
      </c>
      <c r="Q8" s="15">
        <v>8</v>
      </c>
      <c r="R8" s="15">
        <v>2.5</v>
      </c>
      <c r="S8" s="15">
        <v>-5.5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>
        <v>2</v>
      </c>
      <c r="F10" s="16">
        <v>1</v>
      </c>
      <c r="G10" s="17">
        <v>-50</v>
      </c>
      <c r="H10" s="16">
        <v>3</v>
      </c>
      <c r="I10" s="16">
        <v>3</v>
      </c>
      <c r="J10" s="16" t="s">
        <v>34</v>
      </c>
      <c r="K10" s="16">
        <v>2</v>
      </c>
      <c r="L10" s="16">
        <v>2</v>
      </c>
      <c r="M10" s="16" t="s">
        <v>34</v>
      </c>
      <c r="N10" s="15">
        <v>-33.299999999999997</v>
      </c>
      <c r="O10" s="15">
        <v>-33.299999999999997</v>
      </c>
      <c r="P10" s="15" t="s">
        <v>34</v>
      </c>
      <c r="Q10" s="15">
        <v>1.5</v>
      </c>
      <c r="R10" s="15">
        <v>2</v>
      </c>
      <c r="S10" s="15">
        <v>0.5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915</v>
      </c>
      <c r="F11" s="16">
        <v>793</v>
      </c>
      <c r="G11" s="17">
        <v>-13.3</v>
      </c>
      <c r="H11" s="16">
        <v>24465</v>
      </c>
      <c r="I11" s="16">
        <v>20854</v>
      </c>
      <c r="J11" s="16">
        <v>3611</v>
      </c>
      <c r="K11" s="16">
        <v>23399</v>
      </c>
      <c r="L11" s="16">
        <v>19415</v>
      </c>
      <c r="M11" s="16">
        <v>3946</v>
      </c>
      <c r="N11" s="15">
        <v>-4.4000000000000004</v>
      </c>
      <c r="O11" s="15">
        <v>-6.9</v>
      </c>
      <c r="P11" s="15">
        <v>9.3000000000000007</v>
      </c>
      <c r="Q11" s="15">
        <v>26.7</v>
      </c>
      <c r="R11" s="15">
        <v>29.5</v>
      </c>
      <c r="S11" s="15">
        <v>2.8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951</v>
      </c>
      <c r="F12" s="16">
        <v>814</v>
      </c>
      <c r="G12" s="17">
        <v>-14.4</v>
      </c>
      <c r="H12" s="16">
        <v>13313</v>
      </c>
      <c r="I12" s="16">
        <v>9722</v>
      </c>
      <c r="J12" s="16">
        <v>3574</v>
      </c>
      <c r="K12" s="16">
        <v>17542</v>
      </c>
      <c r="L12" s="16">
        <v>13274</v>
      </c>
      <c r="M12" s="16">
        <v>4237</v>
      </c>
      <c r="N12" s="15">
        <v>31.8</v>
      </c>
      <c r="O12" s="15">
        <v>36.5</v>
      </c>
      <c r="P12" s="15">
        <v>18.600000000000001</v>
      </c>
      <c r="Q12" s="15">
        <v>14</v>
      </c>
      <c r="R12" s="15">
        <v>21.6</v>
      </c>
      <c r="S12" s="15">
        <v>7.6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22</v>
      </c>
      <c r="F13" s="16">
        <v>21</v>
      </c>
      <c r="G13" s="17">
        <v>-4.5</v>
      </c>
      <c r="H13" s="16">
        <v>5147</v>
      </c>
      <c r="I13" s="16">
        <v>4860</v>
      </c>
      <c r="J13" s="16">
        <v>287</v>
      </c>
      <c r="K13" s="16">
        <v>3969</v>
      </c>
      <c r="L13" s="16">
        <v>3615</v>
      </c>
      <c r="M13" s="16">
        <v>348</v>
      </c>
      <c r="N13" s="15">
        <v>-22.9</v>
      </c>
      <c r="O13" s="15">
        <v>-25.6</v>
      </c>
      <c r="P13" s="15">
        <v>21.3</v>
      </c>
      <c r="Q13" s="15">
        <v>234</v>
      </c>
      <c r="R13" s="15">
        <v>189</v>
      </c>
      <c r="S13" s="15">
        <v>-45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1416</v>
      </c>
      <c r="F14" s="16">
        <v>1465</v>
      </c>
      <c r="G14" s="17">
        <v>3.5</v>
      </c>
      <c r="H14" s="16">
        <v>39331</v>
      </c>
      <c r="I14" s="16">
        <v>29328</v>
      </c>
      <c r="J14" s="16">
        <v>8768</v>
      </c>
      <c r="K14" s="16">
        <v>44152</v>
      </c>
      <c r="L14" s="16">
        <v>33394</v>
      </c>
      <c r="M14" s="16">
        <v>10592</v>
      </c>
      <c r="N14" s="15">
        <v>12.3</v>
      </c>
      <c r="O14" s="15">
        <v>13.9</v>
      </c>
      <c r="P14" s="15">
        <v>20.8</v>
      </c>
      <c r="Q14" s="15">
        <v>27.8</v>
      </c>
      <c r="R14" s="15">
        <v>30.1</v>
      </c>
      <c r="S14" s="15">
        <v>2.2999999999999998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293</v>
      </c>
      <c r="F15" s="16">
        <v>285</v>
      </c>
      <c r="G15" s="17">
        <v>-2.7</v>
      </c>
      <c r="H15" s="16">
        <v>15987</v>
      </c>
      <c r="I15" s="16">
        <v>13409</v>
      </c>
      <c r="J15" s="16">
        <v>2578</v>
      </c>
      <c r="K15" s="16">
        <v>12960</v>
      </c>
      <c r="L15" s="16">
        <v>10384</v>
      </c>
      <c r="M15" s="16">
        <v>2509</v>
      </c>
      <c r="N15" s="15">
        <v>-18.899999999999999</v>
      </c>
      <c r="O15" s="15">
        <v>-22.6</v>
      </c>
      <c r="P15" s="15">
        <v>-2.7</v>
      </c>
      <c r="Q15" s="15">
        <v>54.6</v>
      </c>
      <c r="R15" s="15">
        <v>45.5</v>
      </c>
      <c r="S15" s="15">
        <v>-9.1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6249</v>
      </c>
      <c r="F16" s="16">
        <v>6624</v>
      </c>
      <c r="G16" s="17">
        <v>6</v>
      </c>
      <c r="H16" s="16">
        <v>81913</v>
      </c>
      <c r="I16" s="16">
        <v>48590</v>
      </c>
      <c r="J16" s="16">
        <v>33303</v>
      </c>
      <c r="K16" s="16">
        <v>91232</v>
      </c>
      <c r="L16" s="16">
        <v>51724</v>
      </c>
      <c r="M16" s="16">
        <v>39106</v>
      </c>
      <c r="N16" s="15">
        <v>11.4</v>
      </c>
      <c r="O16" s="15">
        <v>6.4</v>
      </c>
      <c r="P16" s="15">
        <v>17.399999999999999</v>
      </c>
      <c r="Q16" s="15">
        <v>13.1</v>
      </c>
      <c r="R16" s="15">
        <v>13.8</v>
      </c>
      <c r="S16" s="15">
        <v>0.7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593</v>
      </c>
      <c r="F17" s="16">
        <v>628</v>
      </c>
      <c r="G17" s="17">
        <v>5.9</v>
      </c>
      <c r="H17" s="16">
        <v>13948</v>
      </c>
      <c r="I17" s="16">
        <v>7745</v>
      </c>
      <c r="J17" s="16">
        <v>6194</v>
      </c>
      <c r="K17" s="16">
        <v>17637</v>
      </c>
      <c r="L17" s="16">
        <v>9781</v>
      </c>
      <c r="M17" s="16">
        <v>7828</v>
      </c>
      <c r="N17" s="15">
        <v>26.4</v>
      </c>
      <c r="O17" s="15">
        <v>26.3</v>
      </c>
      <c r="P17" s="15">
        <v>26.4</v>
      </c>
      <c r="Q17" s="15">
        <v>23.5</v>
      </c>
      <c r="R17" s="15">
        <v>28.1</v>
      </c>
      <c r="S17" s="15">
        <v>4.5999999999999996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2092</v>
      </c>
      <c r="F18" s="16">
        <v>1888</v>
      </c>
      <c r="G18" s="17">
        <v>-9.8000000000000007</v>
      </c>
      <c r="H18" s="16">
        <v>16687</v>
      </c>
      <c r="I18" s="16">
        <v>11020</v>
      </c>
      <c r="J18" s="16">
        <v>5667</v>
      </c>
      <c r="K18" s="16">
        <v>15689</v>
      </c>
      <c r="L18" s="16">
        <v>9965</v>
      </c>
      <c r="M18" s="16">
        <v>5546</v>
      </c>
      <c r="N18" s="15">
        <v>-6</v>
      </c>
      <c r="O18" s="15">
        <v>-9.6</v>
      </c>
      <c r="P18" s="15">
        <v>-2.1</v>
      </c>
      <c r="Q18" s="15">
        <v>8</v>
      </c>
      <c r="R18" s="15">
        <v>8.3000000000000007</v>
      </c>
      <c r="S18" s="15">
        <v>0.3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3645</v>
      </c>
      <c r="F19" s="16">
        <v>3536</v>
      </c>
      <c r="G19" s="17">
        <v>-3</v>
      </c>
      <c r="H19" s="16">
        <v>27362</v>
      </c>
      <c r="I19" s="16">
        <v>17572</v>
      </c>
      <c r="J19" s="16">
        <v>9790</v>
      </c>
      <c r="K19" s="16">
        <v>28986</v>
      </c>
      <c r="L19" s="16">
        <v>18139</v>
      </c>
      <c r="M19" s="16">
        <v>10586</v>
      </c>
      <c r="N19" s="15">
        <v>5.9</v>
      </c>
      <c r="O19" s="15">
        <v>3.2</v>
      </c>
      <c r="P19" s="15">
        <v>8.1</v>
      </c>
      <c r="Q19" s="15">
        <v>7.5</v>
      </c>
      <c r="R19" s="15">
        <v>8.1999999999999993</v>
      </c>
      <c r="S19" s="15">
        <v>0.7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5508</v>
      </c>
      <c r="F20" s="16">
        <v>5160</v>
      </c>
      <c r="G20" s="17">
        <v>-6.3</v>
      </c>
      <c r="H20" s="16">
        <v>58289</v>
      </c>
      <c r="I20" s="16">
        <v>27293</v>
      </c>
      <c r="J20" s="16">
        <v>30794</v>
      </c>
      <c r="K20" s="16">
        <v>58635</v>
      </c>
      <c r="L20" s="16">
        <v>26607</v>
      </c>
      <c r="M20" s="16">
        <v>30567</v>
      </c>
      <c r="N20" s="15">
        <v>0.6</v>
      </c>
      <c r="O20" s="15">
        <v>-2.5</v>
      </c>
      <c r="P20" s="15">
        <v>-0.7</v>
      </c>
      <c r="Q20" s="15">
        <v>10.6</v>
      </c>
      <c r="R20" s="15">
        <v>11.4</v>
      </c>
      <c r="S20" s="15">
        <v>0.8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1410</v>
      </c>
      <c r="F21" s="16">
        <v>1445</v>
      </c>
      <c r="G21" s="17">
        <v>2.5</v>
      </c>
      <c r="H21" s="16">
        <v>16595</v>
      </c>
      <c r="I21" s="16">
        <v>8504</v>
      </c>
      <c r="J21" s="16">
        <v>7944</v>
      </c>
      <c r="K21" s="16">
        <v>16010</v>
      </c>
      <c r="L21" s="16">
        <v>6839</v>
      </c>
      <c r="M21" s="16">
        <v>9073</v>
      </c>
      <c r="N21" s="15">
        <v>-3.5</v>
      </c>
      <c r="O21" s="15">
        <v>-19.600000000000001</v>
      </c>
      <c r="P21" s="15">
        <v>14.2</v>
      </c>
      <c r="Q21" s="15">
        <v>11.8</v>
      </c>
      <c r="R21" s="15">
        <v>11.1</v>
      </c>
      <c r="S21" s="15">
        <v>-0.7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518</v>
      </c>
      <c r="F22" s="16">
        <v>573</v>
      </c>
      <c r="G22" s="17">
        <v>10.6</v>
      </c>
      <c r="H22" s="16">
        <v>9363</v>
      </c>
      <c r="I22" s="16">
        <v>4201</v>
      </c>
      <c r="J22" s="16">
        <v>5162</v>
      </c>
      <c r="K22" s="16">
        <v>8924</v>
      </c>
      <c r="L22" s="16">
        <v>4176</v>
      </c>
      <c r="M22" s="16">
        <v>4709</v>
      </c>
      <c r="N22" s="15">
        <v>-4.7</v>
      </c>
      <c r="O22" s="15">
        <v>-0.6</v>
      </c>
      <c r="P22" s="15">
        <v>-8.8000000000000007</v>
      </c>
      <c r="Q22" s="15">
        <v>18.100000000000001</v>
      </c>
      <c r="R22" s="15">
        <v>15.6</v>
      </c>
      <c r="S22" s="15">
        <v>-2.5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883</v>
      </c>
      <c r="F23" s="16">
        <v>1046</v>
      </c>
      <c r="G23" s="17">
        <v>18.5</v>
      </c>
      <c r="H23" s="16">
        <v>15456</v>
      </c>
      <c r="I23" s="16">
        <v>4560</v>
      </c>
      <c r="J23" s="16">
        <v>10896</v>
      </c>
      <c r="K23" s="16">
        <v>16599</v>
      </c>
      <c r="L23" s="16">
        <v>4846</v>
      </c>
      <c r="M23" s="16">
        <v>11595</v>
      </c>
      <c r="N23" s="15">
        <v>7.4</v>
      </c>
      <c r="O23" s="15">
        <v>6.3</v>
      </c>
      <c r="P23" s="15">
        <v>6.4</v>
      </c>
      <c r="Q23" s="15">
        <v>17.5</v>
      </c>
      <c r="R23" s="15">
        <v>15.9</v>
      </c>
      <c r="S23" s="15">
        <v>-1.6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41</v>
      </c>
      <c r="F24" s="16">
        <v>39</v>
      </c>
      <c r="G24" s="17">
        <v>-4.9000000000000004</v>
      </c>
      <c r="H24" s="16">
        <v>411</v>
      </c>
      <c r="I24" s="16">
        <v>229</v>
      </c>
      <c r="J24" s="16">
        <v>182</v>
      </c>
      <c r="K24" s="16">
        <v>345</v>
      </c>
      <c r="L24" s="16">
        <v>212</v>
      </c>
      <c r="M24" s="16">
        <v>133</v>
      </c>
      <c r="N24" s="15">
        <v>-16.100000000000001</v>
      </c>
      <c r="O24" s="15">
        <v>-7.4</v>
      </c>
      <c r="P24" s="15">
        <v>-26.9</v>
      </c>
      <c r="Q24" s="15">
        <v>10</v>
      </c>
      <c r="R24" s="15">
        <v>8.8000000000000007</v>
      </c>
      <c r="S24" s="15">
        <v>-1.2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1782</v>
      </c>
      <c r="F25" s="10">
        <v>1953</v>
      </c>
      <c r="G25" s="9">
        <v>9.6</v>
      </c>
      <c r="H25" s="10">
        <v>72990</v>
      </c>
      <c r="I25" s="10">
        <v>38046</v>
      </c>
      <c r="J25" s="10">
        <v>34672</v>
      </c>
      <c r="K25" s="10">
        <v>96270</v>
      </c>
      <c r="L25" s="10">
        <v>47264</v>
      </c>
      <c r="M25" s="10">
        <v>48031</v>
      </c>
      <c r="N25" s="8">
        <v>31.9</v>
      </c>
      <c r="O25" s="8">
        <v>24.2</v>
      </c>
      <c r="P25" s="8">
        <v>38.5</v>
      </c>
      <c r="Q25" s="8">
        <v>41</v>
      </c>
      <c r="R25" s="8">
        <v>49.3</v>
      </c>
      <c r="S25" s="8">
        <v>8.3000000000000007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67" fitToHeight="0" orientation="landscape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7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5609</v>
      </c>
      <c r="F7" s="24">
        <v>5668</v>
      </c>
      <c r="G7" s="25">
        <v>1.1000000000000001</v>
      </c>
      <c r="H7" s="24">
        <v>53453</v>
      </c>
      <c r="I7" s="24">
        <v>25506</v>
      </c>
      <c r="J7" s="24">
        <v>27908</v>
      </c>
      <c r="K7" s="24">
        <v>60609</v>
      </c>
      <c r="L7" s="24">
        <v>28497</v>
      </c>
      <c r="M7" s="24">
        <v>31834</v>
      </c>
      <c r="N7" s="23">
        <v>13.4</v>
      </c>
      <c r="O7" s="23">
        <v>11.7</v>
      </c>
      <c r="P7" s="23">
        <v>14.1</v>
      </c>
      <c r="Q7" s="23">
        <v>9.5</v>
      </c>
      <c r="R7" s="23">
        <v>10.7</v>
      </c>
      <c r="S7" s="23">
        <v>1.2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1</v>
      </c>
      <c r="F8" s="16">
        <v>1</v>
      </c>
      <c r="G8" s="17">
        <v>0</v>
      </c>
      <c r="H8" s="16">
        <v>4</v>
      </c>
      <c r="I8" s="16">
        <v>2</v>
      </c>
      <c r="J8" s="16">
        <v>2</v>
      </c>
      <c r="K8" s="16">
        <v>4</v>
      </c>
      <c r="L8" s="16">
        <v>2</v>
      </c>
      <c r="M8" s="16">
        <v>2</v>
      </c>
      <c r="N8" s="15">
        <v>0</v>
      </c>
      <c r="O8" s="15">
        <v>0</v>
      </c>
      <c r="P8" s="15">
        <v>0</v>
      </c>
      <c r="Q8" s="15">
        <v>4</v>
      </c>
      <c r="R8" s="15">
        <v>4</v>
      </c>
      <c r="S8" s="15">
        <v>0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241</v>
      </c>
      <c r="F11" s="16">
        <v>220</v>
      </c>
      <c r="G11" s="17">
        <v>-8.6999999999999993</v>
      </c>
      <c r="H11" s="16">
        <v>2737</v>
      </c>
      <c r="I11" s="16">
        <v>2278</v>
      </c>
      <c r="J11" s="16">
        <v>459</v>
      </c>
      <c r="K11" s="16">
        <v>2534</v>
      </c>
      <c r="L11" s="16">
        <v>2119</v>
      </c>
      <c r="M11" s="16">
        <v>410</v>
      </c>
      <c r="N11" s="15">
        <v>-7.4</v>
      </c>
      <c r="O11" s="15">
        <v>-7</v>
      </c>
      <c r="P11" s="15">
        <v>-10.7</v>
      </c>
      <c r="Q11" s="15">
        <v>11.4</v>
      </c>
      <c r="R11" s="15">
        <v>11.5</v>
      </c>
      <c r="S11" s="15">
        <v>0.1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319</v>
      </c>
      <c r="F12" s="16">
        <v>268</v>
      </c>
      <c r="G12" s="17">
        <v>-16</v>
      </c>
      <c r="H12" s="16">
        <v>4748</v>
      </c>
      <c r="I12" s="16">
        <v>3319</v>
      </c>
      <c r="J12" s="16">
        <v>1429</v>
      </c>
      <c r="K12" s="16">
        <v>4106</v>
      </c>
      <c r="L12" s="16">
        <v>2801</v>
      </c>
      <c r="M12" s="16">
        <v>1304</v>
      </c>
      <c r="N12" s="15">
        <v>-13.5</v>
      </c>
      <c r="O12" s="15">
        <v>-15.6</v>
      </c>
      <c r="P12" s="15">
        <v>-8.6999999999999993</v>
      </c>
      <c r="Q12" s="15">
        <v>14.9</v>
      </c>
      <c r="R12" s="15">
        <v>15.3</v>
      </c>
      <c r="S12" s="15">
        <v>0.4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 t="s">
        <v>34</v>
      </c>
      <c r="F13" s="16" t="s">
        <v>34</v>
      </c>
      <c r="G13" s="17" t="s">
        <v>34</v>
      </c>
      <c r="H13" s="16" t="s">
        <v>34</v>
      </c>
      <c r="I13" s="16" t="s">
        <v>34</v>
      </c>
      <c r="J13" s="16" t="s">
        <v>34</v>
      </c>
      <c r="K13" s="16" t="s">
        <v>34</v>
      </c>
      <c r="L13" s="16" t="s">
        <v>34</v>
      </c>
      <c r="M13" s="16" t="s">
        <v>34</v>
      </c>
      <c r="N13" s="15" t="s">
        <v>34</v>
      </c>
      <c r="O13" s="15" t="s">
        <v>34</v>
      </c>
      <c r="P13" s="15" t="s">
        <v>34</v>
      </c>
      <c r="Q13" s="15" t="s">
        <v>34</v>
      </c>
      <c r="R13" s="15" t="s">
        <v>34</v>
      </c>
      <c r="S13" s="15" t="s">
        <v>34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48</v>
      </c>
      <c r="F14" s="16">
        <v>44</v>
      </c>
      <c r="G14" s="17">
        <v>-8.3000000000000007</v>
      </c>
      <c r="H14" s="16">
        <v>323</v>
      </c>
      <c r="I14" s="16">
        <v>215</v>
      </c>
      <c r="J14" s="16">
        <v>108</v>
      </c>
      <c r="K14" s="16">
        <v>352</v>
      </c>
      <c r="L14" s="16">
        <v>209</v>
      </c>
      <c r="M14" s="16">
        <v>138</v>
      </c>
      <c r="N14" s="15">
        <v>9</v>
      </c>
      <c r="O14" s="15">
        <v>-2.8</v>
      </c>
      <c r="P14" s="15">
        <v>27.8</v>
      </c>
      <c r="Q14" s="15">
        <v>6.7</v>
      </c>
      <c r="R14" s="15">
        <v>8</v>
      </c>
      <c r="S14" s="15">
        <v>1.3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59</v>
      </c>
      <c r="F15" s="16">
        <v>47</v>
      </c>
      <c r="G15" s="17">
        <v>-20.3</v>
      </c>
      <c r="H15" s="16">
        <v>1642</v>
      </c>
      <c r="I15" s="16">
        <v>1089</v>
      </c>
      <c r="J15" s="16">
        <v>553</v>
      </c>
      <c r="K15" s="16">
        <v>1975</v>
      </c>
      <c r="L15" s="16">
        <v>1323</v>
      </c>
      <c r="M15" s="16">
        <v>646</v>
      </c>
      <c r="N15" s="15">
        <v>20.3</v>
      </c>
      <c r="O15" s="15">
        <v>21.5</v>
      </c>
      <c r="P15" s="15">
        <v>16.8</v>
      </c>
      <c r="Q15" s="15">
        <v>27.8</v>
      </c>
      <c r="R15" s="15">
        <v>42</v>
      </c>
      <c r="S15" s="15">
        <v>14.2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665</v>
      </c>
      <c r="F16" s="16">
        <v>1652</v>
      </c>
      <c r="G16" s="17">
        <v>-0.8</v>
      </c>
      <c r="H16" s="16">
        <v>12990</v>
      </c>
      <c r="I16" s="16">
        <v>5769</v>
      </c>
      <c r="J16" s="16">
        <v>7221</v>
      </c>
      <c r="K16" s="16">
        <v>16849</v>
      </c>
      <c r="L16" s="16">
        <v>7399</v>
      </c>
      <c r="M16" s="16">
        <v>9421</v>
      </c>
      <c r="N16" s="15">
        <v>29.7</v>
      </c>
      <c r="O16" s="15">
        <v>28.3</v>
      </c>
      <c r="P16" s="15">
        <v>30.5</v>
      </c>
      <c r="Q16" s="15">
        <v>7.8</v>
      </c>
      <c r="R16" s="15">
        <v>10.199999999999999</v>
      </c>
      <c r="S16" s="15">
        <v>2.4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92</v>
      </c>
      <c r="F17" s="16">
        <v>90</v>
      </c>
      <c r="G17" s="17">
        <v>-2.2000000000000002</v>
      </c>
      <c r="H17" s="16">
        <v>1787</v>
      </c>
      <c r="I17" s="16">
        <v>659</v>
      </c>
      <c r="J17" s="16">
        <v>1128</v>
      </c>
      <c r="K17" s="16">
        <v>1996</v>
      </c>
      <c r="L17" s="16">
        <v>691</v>
      </c>
      <c r="M17" s="16">
        <v>1305</v>
      </c>
      <c r="N17" s="15">
        <v>11.7</v>
      </c>
      <c r="O17" s="15">
        <v>4.9000000000000004</v>
      </c>
      <c r="P17" s="15">
        <v>15.7</v>
      </c>
      <c r="Q17" s="15">
        <v>19.399999999999999</v>
      </c>
      <c r="R17" s="15">
        <v>22.2</v>
      </c>
      <c r="S17" s="15">
        <v>2.8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633</v>
      </c>
      <c r="F18" s="16">
        <v>614</v>
      </c>
      <c r="G18" s="17">
        <v>-3</v>
      </c>
      <c r="H18" s="16">
        <v>1909</v>
      </c>
      <c r="I18" s="16">
        <v>1079</v>
      </c>
      <c r="J18" s="16">
        <v>830</v>
      </c>
      <c r="K18" s="16">
        <v>2176</v>
      </c>
      <c r="L18" s="16">
        <v>1293</v>
      </c>
      <c r="M18" s="16">
        <v>834</v>
      </c>
      <c r="N18" s="15">
        <v>14</v>
      </c>
      <c r="O18" s="15">
        <v>19.8</v>
      </c>
      <c r="P18" s="15">
        <v>0.5</v>
      </c>
      <c r="Q18" s="15">
        <v>3</v>
      </c>
      <c r="R18" s="15">
        <v>3.5</v>
      </c>
      <c r="S18" s="15">
        <v>0.5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95</v>
      </c>
      <c r="F19" s="16">
        <v>233</v>
      </c>
      <c r="G19" s="17">
        <v>19.5</v>
      </c>
      <c r="H19" s="16">
        <v>927</v>
      </c>
      <c r="I19" s="16">
        <v>584</v>
      </c>
      <c r="J19" s="16">
        <v>343</v>
      </c>
      <c r="K19" s="16">
        <v>1395</v>
      </c>
      <c r="L19" s="16">
        <v>883</v>
      </c>
      <c r="M19" s="16">
        <v>494</v>
      </c>
      <c r="N19" s="15">
        <v>50.5</v>
      </c>
      <c r="O19" s="15">
        <v>51.2</v>
      </c>
      <c r="P19" s="15">
        <v>44</v>
      </c>
      <c r="Q19" s="15">
        <v>4.8</v>
      </c>
      <c r="R19" s="15">
        <v>6</v>
      </c>
      <c r="S19" s="15">
        <v>1.2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911</v>
      </c>
      <c r="F20" s="16">
        <v>919</v>
      </c>
      <c r="G20" s="17">
        <v>0.9</v>
      </c>
      <c r="H20" s="16">
        <v>7642</v>
      </c>
      <c r="I20" s="16">
        <v>3319</v>
      </c>
      <c r="J20" s="16">
        <v>4284</v>
      </c>
      <c r="K20" s="16">
        <v>8570</v>
      </c>
      <c r="L20" s="16">
        <v>3682</v>
      </c>
      <c r="M20" s="16">
        <v>4863</v>
      </c>
      <c r="N20" s="15">
        <v>12.1</v>
      </c>
      <c r="O20" s="15">
        <v>10.9</v>
      </c>
      <c r="P20" s="15">
        <v>13.5</v>
      </c>
      <c r="Q20" s="15">
        <v>8.4</v>
      </c>
      <c r="R20" s="15">
        <v>9.3000000000000007</v>
      </c>
      <c r="S20" s="15">
        <v>0.9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450</v>
      </c>
      <c r="F21" s="16">
        <v>473</v>
      </c>
      <c r="G21" s="17">
        <v>5.0999999999999996</v>
      </c>
      <c r="H21" s="16">
        <v>3025</v>
      </c>
      <c r="I21" s="16">
        <v>1036</v>
      </c>
      <c r="J21" s="16">
        <v>1989</v>
      </c>
      <c r="K21" s="16">
        <v>2751</v>
      </c>
      <c r="L21" s="16">
        <v>1074</v>
      </c>
      <c r="M21" s="16">
        <v>1643</v>
      </c>
      <c r="N21" s="15">
        <v>-9.1</v>
      </c>
      <c r="O21" s="15">
        <v>3.7</v>
      </c>
      <c r="P21" s="15">
        <v>-17.399999999999999</v>
      </c>
      <c r="Q21" s="15">
        <v>6.7</v>
      </c>
      <c r="R21" s="15">
        <v>5.8</v>
      </c>
      <c r="S21" s="15">
        <v>-0.9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204</v>
      </c>
      <c r="F22" s="16">
        <v>228</v>
      </c>
      <c r="G22" s="17">
        <v>11.8</v>
      </c>
      <c r="H22" s="16">
        <v>3537</v>
      </c>
      <c r="I22" s="16">
        <v>1720</v>
      </c>
      <c r="J22" s="16">
        <v>1817</v>
      </c>
      <c r="K22" s="16">
        <v>3385</v>
      </c>
      <c r="L22" s="16">
        <v>1511</v>
      </c>
      <c r="M22" s="16">
        <v>1861</v>
      </c>
      <c r="N22" s="15">
        <v>-4.3</v>
      </c>
      <c r="O22" s="15">
        <v>-12.2</v>
      </c>
      <c r="P22" s="15">
        <v>2.4</v>
      </c>
      <c r="Q22" s="15">
        <v>17.3</v>
      </c>
      <c r="R22" s="15">
        <v>14.8</v>
      </c>
      <c r="S22" s="15">
        <v>-2.5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511</v>
      </c>
      <c r="F23" s="16">
        <v>618</v>
      </c>
      <c r="G23" s="17">
        <v>20.9</v>
      </c>
      <c r="H23" s="16">
        <v>8376</v>
      </c>
      <c r="I23" s="16">
        <v>2296</v>
      </c>
      <c r="J23" s="16">
        <v>6080</v>
      </c>
      <c r="K23" s="16">
        <v>9949</v>
      </c>
      <c r="L23" s="16">
        <v>2874</v>
      </c>
      <c r="M23" s="16">
        <v>6991</v>
      </c>
      <c r="N23" s="15">
        <v>18.8</v>
      </c>
      <c r="O23" s="15">
        <v>25.2</v>
      </c>
      <c r="P23" s="15">
        <v>15</v>
      </c>
      <c r="Q23" s="15">
        <v>16.399999999999999</v>
      </c>
      <c r="R23" s="15">
        <v>16.100000000000001</v>
      </c>
      <c r="S23" s="15">
        <v>-0.3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6</v>
      </c>
      <c r="F24" s="16">
        <v>15</v>
      </c>
      <c r="G24" s="17">
        <v>-6.3</v>
      </c>
      <c r="H24" s="16">
        <v>123</v>
      </c>
      <c r="I24" s="16">
        <v>51</v>
      </c>
      <c r="J24" s="16">
        <v>72</v>
      </c>
      <c r="K24" s="16">
        <v>88</v>
      </c>
      <c r="L24" s="16">
        <v>35</v>
      </c>
      <c r="M24" s="16">
        <v>53</v>
      </c>
      <c r="N24" s="15">
        <v>-28.5</v>
      </c>
      <c r="O24" s="15">
        <v>-31.4</v>
      </c>
      <c r="P24" s="15">
        <v>-26.4</v>
      </c>
      <c r="Q24" s="15">
        <v>7.7</v>
      </c>
      <c r="R24" s="15">
        <v>5.9</v>
      </c>
      <c r="S24" s="15">
        <v>-1.8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64</v>
      </c>
      <c r="F25" s="10">
        <v>246</v>
      </c>
      <c r="G25" s="9">
        <v>-6.8</v>
      </c>
      <c r="H25" s="10">
        <v>3683</v>
      </c>
      <c r="I25" s="10">
        <v>2090</v>
      </c>
      <c r="J25" s="10">
        <v>1593</v>
      </c>
      <c r="K25" s="10">
        <v>4479</v>
      </c>
      <c r="L25" s="10">
        <v>2601</v>
      </c>
      <c r="M25" s="10">
        <v>1869</v>
      </c>
      <c r="N25" s="8">
        <v>21.6</v>
      </c>
      <c r="O25" s="8">
        <v>24.4</v>
      </c>
      <c r="P25" s="8">
        <v>17.3</v>
      </c>
      <c r="Q25" s="8">
        <v>14</v>
      </c>
      <c r="R25" s="8">
        <v>18.2</v>
      </c>
      <c r="S25" s="8">
        <v>4.2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8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5448</v>
      </c>
      <c r="F7" s="24">
        <v>5187</v>
      </c>
      <c r="G7" s="25">
        <v>-4.8</v>
      </c>
      <c r="H7" s="24">
        <v>63091</v>
      </c>
      <c r="I7" s="24">
        <v>40121</v>
      </c>
      <c r="J7" s="24">
        <v>22918</v>
      </c>
      <c r="K7" s="24">
        <v>68005</v>
      </c>
      <c r="L7" s="24">
        <v>42992</v>
      </c>
      <c r="M7" s="24">
        <v>24729</v>
      </c>
      <c r="N7" s="23">
        <v>7.8</v>
      </c>
      <c r="O7" s="23">
        <v>7.2</v>
      </c>
      <c r="P7" s="23">
        <v>7.9</v>
      </c>
      <c r="Q7" s="23">
        <v>11.6</v>
      </c>
      <c r="R7" s="23">
        <v>13.1</v>
      </c>
      <c r="S7" s="23">
        <v>1.5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1</v>
      </c>
      <c r="F8" s="16">
        <v>3</v>
      </c>
      <c r="G8" s="17">
        <v>200</v>
      </c>
      <c r="H8" s="16">
        <v>2</v>
      </c>
      <c r="I8" s="16">
        <v>1</v>
      </c>
      <c r="J8" s="16">
        <v>1</v>
      </c>
      <c r="K8" s="16">
        <v>15</v>
      </c>
      <c r="L8" s="16">
        <v>8</v>
      </c>
      <c r="M8" s="16">
        <v>7</v>
      </c>
      <c r="N8" s="15">
        <v>650</v>
      </c>
      <c r="O8" s="15">
        <v>700</v>
      </c>
      <c r="P8" s="15">
        <v>600</v>
      </c>
      <c r="Q8" s="15">
        <v>2</v>
      </c>
      <c r="R8" s="15">
        <v>5</v>
      </c>
      <c r="S8" s="15">
        <v>3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342</v>
      </c>
      <c r="F11" s="16">
        <v>329</v>
      </c>
      <c r="G11" s="17">
        <v>-3.8</v>
      </c>
      <c r="H11" s="16">
        <v>3484</v>
      </c>
      <c r="I11" s="16">
        <v>2890</v>
      </c>
      <c r="J11" s="16">
        <v>594</v>
      </c>
      <c r="K11" s="16">
        <v>2882</v>
      </c>
      <c r="L11" s="16">
        <v>2417</v>
      </c>
      <c r="M11" s="16">
        <v>448</v>
      </c>
      <c r="N11" s="15">
        <v>-17.3</v>
      </c>
      <c r="O11" s="15">
        <v>-16.399999999999999</v>
      </c>
      <c r="P11" s="15">
        <v>-24.6</v>
      </c>
      <c r="Q11" s="15">
        <v>10.199999999999999</v>
      </c>
      <c r="R11" s="15">
        <v>8.8000000000000007</v>
      </c>
      <c r="S11" s="15">
        <v>-1.4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446</v>
      </c>
      <c r="F12" s="16">
        <v>437</v>
      </c>
      <c r="G12" s="17">
        <v>-2</v>
      </c>
      <c r="H12" s="16">
        <v>7924</v>
      </c>
      <c r="I12" s="16">
        <v>5947</v>
      </c>
      <c r="J12" s="16">
        <v>1977</v>
      </c>
      <c r="K12" s="16">
        <v>8777</v>
      </c>
      <c r="L12" s="16">
        <v>6493</v>
      </c>
      <c r="M12" s="16">
        <v>2206</v>
      </c>
      <c r="N12" s="15">
        <v>10.8</v>
      </c>
      <c r="O12" s="15">
        <v>9.1999999999999993</v>
      </c>
      <c r="P12" s="15">
        <v>11.6</v>
      </c>
      <c r="Q12" s="15">
        <v>17.8</v>
      </c>
      <c r="R12" s="15">
        <v>20.100000000000001</v>
      </c>
      <c r="S12" s="15">
        <v>2.2999999999999998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4</v>
      </c>
      <c r="F13" s="16">
        <v>7</v>
      </c>
      <c r="G13" s="17">
        <v>75</v>
      </c>
      <c r="H13" s="16">
        <v>583</v>
      </c>
      <c r="I13" s="16">
        <v>546</v>
      </c>
      <c r="J13" s="16">
        <v>37</v>
      </c>
      <c r="K13" s="16">
        <v>357</v>
      </c>
      <c r="L13" s="16">
        <v>335</v>
      </c>
      <c r="M13" s="16">
        <v>22</v>
      </c>
      <c r="N13" s="15">
        <v>-38.799999999999997</v>
      </c>
      <c r="O13" s="15">
        <v>-38.6</v>
      </c>
      <c r="P13" s="15">
        <v>-40.5</v>
      </c>
      <c r="Q13" s="15">
        <v>145.80000000000001</v>
      </c>
      <c r="R13" s="15">
        <v>51</v>
      </c>
      <c r="S13" s="15">
        <v>-94.8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47</v>
      </c>
      <c r="F14" s="16">
        <v>34</v>
      </c>
      <c r="G14" s="17">
        <v>-27.7</v>
      </c>
      <c r="H14" s="16">
        <v>1484</v>
      </c>
      <c r="I14" s="16">
        <v>1050</v>
      </c>
      <c r="J14" s="16">
        <v>434</v>
      </c>
      <c r="K14" s="16">
        <v>996</v>
      </c>
      <c r="L14" s="16">
        <v>736</v>
      </c>
      <c r="M14" s="16">
        <v>258</v>
      </c>
      <c r="N14" s="15">
        <v>-32.9</v>
      </c>
      <c r="O14" s="15">
        <v>-29.9</v>
      </c>
      <c r="P14" s="15">
        <v>-40.6</v>
      </c>
      <c r="Q14" s="15">
        <v>31.6</v>
      </c>
      <c r="R14" s="15">
        <v>29.3</v>
      </c>
      <c r="S14" s="15">
        <v>-2.2999999999999998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580</v>
      </c>
      <c r="F15" s="16">
        <v>617</v>
      </c>
      <c r="G15" s="17">
        <v>6.4</v>
      </c>
      <c r="H15" s="16">
        <v>12918</v>
      </c>
      <c r="I15" s="16">
        <v>10623</v>
      </c>
      <c r="J15" s="16">
        <v>2295</v>
      </c>
      <c r="K15" s="16">
        <v>14229</v>
      </c>
      <c r="L15" s="16">
        <v>11308</v>
      </c>
      <c r="M15" s="16">
        <v>2857</v>
      </c>
      <c r="N15" s="15">
        <v>10.1</v>
      </c>
      <c r="O15" s="15">
        <v>6.4</v>
      </c>
      <c r="P15" s="15">
        <v>24.5</v>
      </c>
      <c r="Q15" s="15">
        <v>22.3</v>
      </c>
      <c r="R15" s="15">
        <v>23.1</v>
      </c>
      <c r="S15" s="15">
        <v>0.8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519</v>
      </c>
      <c r="F16" s="16">
        <v>1368</v>
      </c>
      <c r="G16" s="17">
        <v>-9.9</v>
      </c>
      <c r="H16" s="16">
        <v>13838</v>
      </c>
      <c r="I16" s="16">
        <v>8251</v>
      </c>
      <c r="J16" s="16">
        <v>5558</v>
      </c>
      <c r="K16" s="16">
        <v>15302</v>
      </c>
      <c r="L16" s="16">
        <v>9705</v>
      </c>
      <c r="M16" s="16">
        <v>5580</v>
      </c>
      <c r="N16" s="15">
        <v>10.6</v>
      </c>
      <c r="O16" s="15">
        <v>17.600000000000001</v>
      </c>
      <c r="P16" s="15">
        <v>0.4</v>
      </c>
      <c r="Q16" s="15">
        <v>9.1</v>
      </c>
      <c r="R16" s="15">
        <v>11.2</v>
      </c>
      <c r="S16" s="15">
        <v>2.1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43</v>
      </c>
      <c r="F17" s="16">
        <v>44</v>
      </c>
      <c r="G17" s="17">
        <v>2.2999999999999998</v>
      </c>
      <c r="H17" s="16">
        <v>693</v>
      </c>
      <c r="I17" s="16">
        <v>403</v>
      </c>
      <c r="J17" s="16">
        <v>290</v>
      </c>
      <c r="K17" s="16">
        <v>739</v>
      </c>
      <c r="L17" s="16">
        <v>333</v>
      </c>
      <c r="M17" s="16">
        <v>406</v>
      </c>
      <c r="N17" s="15">
        <v>6.6</v>
      </c>
      <c r="O17" s="15">
        <v>-17.399999999999999</v>
      </c>
      <c r="P17" s="15">
        <v>40</v>
      </c>
      <c r="Q17" s="15">
        <v>16.100000000000001</v>
      </c>
      <c r="R17" s="15">
        <v>16.8</v>
      </c>
      <c r="S17" s="15">
        <v>0.7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414</v>
      </c>
      <c r="F18" s="16">
        <v>347</v>
      </c>
      <c r="G18" s="17">
        <v>-16.2</v>
      </c>
      <c r="H18" s="16">
        <v>1730</v>
      </c>
      <c r="I18" s="16">
        <v>1059</v>
      </c>
      <c r="J18" s="16">
        <v>671</v>
      </c>
      <c r="K18" s="16">
        <v>1324</v>
      </c>
      <c r="L18" s="16">
        <v>844</v>
      </c>
      <c r="M18" s="16">
        <v>474</v>
      </c>
      <c r="N18" s="15">
        <v>-23.5</v>
      </c>
      <c r="O18" s="15">
        <v>-20.3</v>
      </c>
      <c r="P18" s="15">
        <v>-29.4</v>
      </c>
      <c r="Q18" s="15">
        <v>4.2</v>
      </c>
      <c r="R18" s="15">
        <v>3.8</v>
      </c>
      <c r="S18" s="15">
        <v>-0.4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24</v>
      </c>
      <c r="F19" s="16">
        <v>114</v>
      </c>
      <c r="G19" s="17">
        <v>-8.1</v>
      </c>
      <c r="H19" s="16">
        <v>646</v>
      </c>
      <c r="I19" s="16">
        <v>398</v>
      </c>
      <c r="J19" s="16">
        <v>248</v>
      </c>
      <c r="K19" s="16">
        <v>826</v>
      </c>
      <c r="L19" s="16">
        <v>529</v>
      </c>
      <c r="M19" s="16">
        <v>290</v>
      </c>
      <c r="N19" s="15">
        <v>27.9</v>
      </c>
      <c r="O19" s="15">
        <v>32.9</v>
      </c>
      <c r="P19" s="15">
        <v>16.899999999999999</v>
      </c>
      <c r="Q19" s="15">
        <v>5.2</v>
      </c>
      <c r="R19" s="15">
        <v>7.2</v>
      </c>
      <c r="S19" s="15">
        <v>2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739</v>
      </c>
      <c r="F20" s="16">
        <v>664</v>
      </c>
      <c r="G20" s="17">
        <v>-10.1</v>
      </c>
      <c r="H20" s="16">
        <v>5402</v>
      </c>
      <c r="I20" s="16">
        <v>2309</v>
      </c>
      <c r="J20" s="16">
        <v>3070</v>
      </c>
      <c r="K20" s="16">
        <v>4733</v>
      </c>
      <c r="L20" s="16">
        <v>1893</v>
      </c>
      <c r="M20" s="16">
        <v>2800</v>
      </c>
      <c r="N20" s="15">
        <v>-12.4</v>
      </c>
      <c r="O20" s="15">
        <v>-18</v>
      </c>
      <c r="P20" s="15">
        <v>-8.8000000000000007</v>
      </c>
      <c r="Q20" s="15">
        <v>7.3</v>
      </c>
      <c r="R20" s="15">
        <v>7.1</v>
      </c>
      <c r="S20" s="15">
        <v>-0.2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360</v>
      </c>
      <c r="F21" s="16">
        <v>335</v>
      </c>
      <c r="G21" s="17">
        <v>-6.9</v>
      </c>
      <c r="H21" s="16">
        <v>1886</v>
      </c>
      <c r="I21" s="16">
        <v>937</v>
      </c>
      <c r="J21" s="16">
        <v>949</v>
      </c>
      <c r="K21" s="16">
        <v>3548</v>
      </c>
      <c r="L21" s="16">
        <v>1717</v>
      </c>
      <c r="M21" s="16">
        <v>1830</v>
      </c>
      <c r="N21" s="15">
        <v>88.1</v>
      </c>
      <c r="O21" s="15">
        <v>83.2</v>
      </c>
      <c r="P21" s="15">
        <v>92.8</v>
      </c>
      <c r="Q21" s="15">
        <v>5.2</v>
      </c>
      <c r="R21" s="15">
        <v>10.6</v>
      </c>
      <c r="S21" s="15">
        <v>5.4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98</v>
      </c>
      <c r="F22" s="16">
        <v>94</v>
      </c>
      <c r="G22" s="17">
        <v>-4.0999999999999996</v>
      </c>
      <c r="H22" s="16">
        <v>1464</v>
      </c>
      <c r="I22" s="16">
        <v>653</v>
      </c>
      <c r="J22" s="16">
        <v>811</v>
      </c>
      <c r="K22" s="16">
        <v>1446</v>
      </c>
      <c r="L22" s="16">
        <v>690</v>
      </c>
      <c r="M22" s="16">
        <v>756</v>
      </c>
      <c r="N22" s="15">
        <v>-1.2</v>
      </c>
      <c r="O22" s="15">
        <v>5.7</v>
      </c>
      <c r="P22" s="15">
        <v>-6.8</v>
      </c>
      <c r="Q22" s="15">
        <v>14.9</v>
      </c>
      <c r="R22" s="15">
        <v>15.4</v>
      </c>
      <c r="S22" s="15">
        <v>0.5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380</v>
      </c>
      <c r="F23" s="16">
        <v>434</v>
      </c>
      <c r="G23" s="17">
        <v>14.2</v>
      </c>
      <c r="H23" s="16">
        <v>5419</v>
      </c>
      <c r="I23" s="16">
        <v>1483</v>
      </c>
      <c r="J23" s="16">
        <v>3936</v>
      </c>
      <c r="K23" s="16">
        <v>6917</v>
      </c>
      <c r="L23" s="16">
        <v>2169</v>
      </c>
      <c r="M23" s="16">
        <v>4748</v>
      </c>
      <c r="N23" s="15">
        <v>27.6</v>
      </c>
      <c r="O23" s="15">
        <v>46.3</v>
      </c>
      <c r="P23" s="15">
        <v>20.6</v>
      </c>
      <c r="Q23" s="15">
        <v>14.3</v>
      </c>
      <c r="R23" s="15">
        <v>15.9</v>
      </c>
      <c r="S23" s="15">
        <v>1.6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9</v>
      </c>
      <c r="F24" s="16">
        <v>19</v>
      </c>
      <c r="G24" s="17">
        <v>0</v>
      </c>
      <c r="H24" s="16">
        <v>146</v>
      </c>
      <c r="I24" s="16">
        <v>79</v>
      </c>
      <c r="J24" s="16">
        <v>67</v>
      </c>
      <c r="K24" s="16">
        <v>384</v>
      </c>
      <c r="L24" s="16">
        <v>247</v>
      </c>
      <c r="M24" s="16">
        <v>137</v>
      </c>
      <c r="N24" s="15">
        <v>163</v>
      </c>
      <c r="O24" s="15">
        <v>212.7</v>
      </c>
      <c r="P24" s="15">
        <v>104.5</v>
      </c>
      <c r="Q24" s="15">
        <v>7.7</v>
      </c>
      <c r="R24" s="15">
        <v>20.2</v>
      </c>
      <c r="S24" s="15">
        <v>12.5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332</v>
      </c>
      <c r="F25" s="10">
        <v>341</v>
      </c>
      <c r="G25" s="9">
        <v>2.7</v>
      </c>
      <c r="H25" s="10">
        <v>5472</v>
      </c>
      <c r="I25" s="10">
        <v>3492</v>
      </c>
      <c r="J25" s="10">
        <v>1980</v>
      </c>
      <c r="K25" s="10">
        <v>5530</v>
      </c>
      <c r="L25" s="10">
        <v>3568</v>
      </c>
      <c r="M25" s="10">
        <v>1910</v>
      </c>
      <c r="N25" s="8">
        <v>1.1000000000000001</v>
      </c>
      <c r="O25" s="8">
        <v>2.2000000000000002</v>
      </c>
      <c r="P25" s="8">
        <v>-3.5</v>
      </c>
      <c r="Q25" s="8">
        <v>16.5</v>
      </c>
      <c r="R25" s="8">
        <v>16.2</v>
      </c>
      <c r="S25" s="8">
        <v>-0.3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">
    <pageSetUpPr fitToPage="1"/>
  </sheetPr>
  <dimension ref="A1:T26"/>
  <sheetViews>
    <sheetView topLeftCell="A4"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79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5588</v>
      </c>
      <c r="F7" s="24">
        <v>5215</v>
      </c>
      <c r="G7" s="25">
        <v>-6.7</v>
      </c>
      <c r="H7" s="24">
        <v>42005</v>
      </c>
      <c r="I7" s="24">
        <v>20483</v>
      </c>
      <c r="J7" s="24">
        <v>21489</v>
      </c>
      <c r="K7" s="24">
        <v>42275</v>
      </c>
      <c r="L7" s="24">
        <v>19299</v>
      </c>
      <c r="M7" s="24">
        <v>22770</v>
      </c>
      <c r="N7" s="23">
        <v>0.6</v>
      </c>
      <c r="O7" s="23">
        <v>-5.8</v>
      </c>
      <c r="P7" s="23">
        <v>6</v>
      </c>
      <c r="Q7" s="23">
        <v>7.5</v>
      </c>
      <c r="R7" s="23">
        <v>8.1</v>
      </c>
      <c r="S7" s="23">
        <v>0.6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2</v>
      </c>
      <c r="F8" s="16">
        <v>5</v>
      </c>
      <c r="G8" s="17">
        <v>150</v>
      </c>
      <c r="H8" s="16">
        <v>16</v>
      </c>
      <c r="I8" s="16">
        <v>11</v>
      </c>
      <c r="J8" s="16">
        <v>5</v>
      </c>
      <c r="K8" s="16">
        <v>18</v>
      </c>
      <c r="L8" s="16">
        <v>8</v>
      </c>
      <c r="M8" s="16">
        <v>9</v>
      </c>
      <c r="N8" s="15">
        <v>12.5</v>
      </c>
      <c r="O8" s="15">
        <v>-27.3</v>
      </c>
      <c r="P8" s="15">
        <v>80</v>
      </c>
      <c r="Q8" s="15">
        <v>8</v>
      </c>
      <c r="R8" s="15">
        <v>3.6</v>
      </c>
      <c r="S8" s="15">
        <v>-4.4000000000000004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429</v>
      </c>
      <c r="F11" s="16">
        <v>381</v>
      </c>
      <c r="G11" s="17">
        <v>-11.2</v>
      </c>
      <c r="H11" s="16">
        <v>2686</v>
      </c>
      <c r="I11" s="16">
        <v>2132</v>
      </c>
      <c r="J11" s="16">
        <v>554</v>
      </c>
      <c r="K11" s="16">
        <v>2292</v>
      </c>
      <c r="L11" s="16">
        <v>1831</v>
      </c>
      <c r="M11" s="16">
        <v>455</v>
      </c>
      <c r="N11" s="15">
        <v>-14.7</v>
      </c>
      <c r="O11" s="15">
        <v>-14.1</v>
      </c>
      <c r="P11" s="15">
        <v>-17.899999999999999</v>
      </c>
      <c r="Q11" s="15">
        <v>6.3</v>
      </c>
      <c r="R11" s="15">
        <v>6</v>
      </c>
      <c r="S11" s="15">
        <v>-0.3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282</v>
      </c>
      <c r="F12" s="16">
        <v>220</v>
      </c>
      <c r="G12" s="17">
        <v>-22</v>
      </c>
      <c r="H12" s="16">
        <v>2183</v>
      </c>
      <c r="I12" s="16">
        <v>1180</v>
      </c>
      <c r="J12" s="16">
        <v>1003</v>
      </c>
      <c r="K12" s="16">
        <v>1685</v>
      </c>
      <c r="L12" s="16">
        <v>921</v>
      </c>
      <c r="M12" s="16">
        <v>763</v>
      </c>
      <c r="N12" s="15">
        <v>-22.8</v>
      </c>
      <c r="O12" s="15">
        <v>-21.9</v>
      </c>
      <c r="P12" s="15">
        <v>-23.9</v>
      </c>
      <c r="Q12" s="15">
        <v>7.7</v>
      </c>
      <c r="R12" s="15">
        <v>7.7</v>
      </c>
      <c r="S12" s="15">
        <v>0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1</v>
      </c>
      <c r="F13" s="16">
        <v>1</v>
      </c>
      <c r="G13" s="17">
        <v>0</v>
      </c>
      <c r="H13" s="16">
        <v>213</v>
      </c>
      <c r="I13" s="16">
        <v>210</v>
      </c>
      <c r="J13" s="16">
        <v>3</v>
      </c>
      <c r="K13" s="16">
        <v>131</v>
      </c>
      <c r="L13" s="16">
        <v>130</v>
      </c>
      <c r="M13" s="16">
        <v>1</v>
      </c>
      <c r="N13" s="15">
        <v>-38.5</v>
      </c>
      <c r="O13" s="15">
        <v>-38.1</v>
      </c>
      <c r="P13" s="15">
        <v>-66.7</v>
      </c>
      <c r="Q13" s="15">
        <v>213</v>
      </c>
      <c r="R13" s="15">
        <v>131</v>
      </c>
      <c r="S13" s="15">
        <v>-82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33</v>
      </c>
      <c r="F14" s="16">
        <v>30</v>
      </c>
      <c r="G14" s="17">
        <v>-9.1</v>
      </c>
      <c r="H14" s="16">
        <v>335</v>
      </c>
      <c r="I14" s="16">
        <v>236</v>
      </c>
      <c r="J14" s="16">
        <v>99</v>
      </c>
      <c r="K14" s="16">
        <v>357</v>
      </c>
      <c r="L14" s="16">
        <v>237</v>
      </c>
      <c r="M14" s="16">
        <v>120</v>
      </c>
      <c r="N14" s="15">
        <v>6.6</v>
      </c>
      <c r="O14" s="15">
        <v>0.4</v>
      </c>
      <c r="P14" s="15">
        <v>21.2</v>
      </c>
      <c r="Q14" s="15">
        <v>10.199999999999999</v>
      </c>
      <c r="R14" s="15">
        <v>11.9</v>
      </c>
      <c r="S14" s="15">
        <v>1.7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105</v>
      </c>
      <c r="F15" s="16">
        <v>82</v>
      </c>
      <c r="G15" s="17">
        <v>-21.9</v>
      </c>
      <c r="H15" s="16">
        <v>1637</v>
      </c>
      <c r="I15" s="16">
        <v>1488</v>
      </c>
      <c r="J15" s="16">
        <v>149</v>
      </c>
      <c r="K15" s="16">
        <v>1101</v>
      </c>
      <c r="L15" s="16">
        <v>932</v>
      </c>
      <c r="M15" s="16">
        <v>169</v>
      </c>
      <c r="N15" s="15">
        <v>-32.700000000000003</v>
      </c>
      <c r="O15" s="15">
        <v>-37.4</v>
      </c>
      <c r="P15" s="15">
        <v>13.4</v>
      </c>
      <c r="Q15" s="15">
        <v>15.6</v>
      </c>
      <c r="R15" s="15">
        <v>13.4</v>
      </c>
      <c r="S15" s="15">
        <v>-2.2000000000000002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319</v>
      </c>
      <c r="F16" s="16">
        <v>1189</v>
      </c>
      <c r="G16" s="17">
        <v>-9.9</v>
      </c>
      <c r="H16" s="16">
        <v>9059</v>
      </c>
      <c r="I16" s="16">
        <v>4438</v>
      </c>
      <c r="J16" s="16">
        <v>4613</v>
      </c>
      <c r="K16" s="16">
        <v>8603</v>
      </c>
      <c r="L16" s="16">
        <v>3911</v>
      </c>
      <c r="M16" s="16">
        <v>4682</v>
      </c>
      <c r="N16" s="15">
        <v>-5</v>
      </c>
      <c r="O16" s="15">
        <v>-11.9</v>
      </c>
      <c r="P16" s="15">
        <v>1.5</v>
      </c>
      <c r="Q16" s="15">
        <v>6.9</v>
      </c>
      <c r="R16" s="15">
        <v>7.2</v>
      </c>
      <c r="S16" s="15">
        <v>0.3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56</v>
      </c>
      <c r="F17" s="16">
        <v>55</v>
      </c>
      <c r="G17" s="17">
        <v>-1.8</v>
      </c>
      <c r="H17" s="16">
        <v>757</v>
      </c>
      <c r="I17" s="16">
        <v>257</v>
      </c>
      <c r="J17" s="16">
        <v>500</v>
      </c>
      <c r="K17" s="16">
        <v>818</v>
      </c>
      <c r="L17" s="16">
        <v>267</v>
      </c>
      <c r="M17" s="16">
        <v>551</v>
      </c>
      <c r="N17" s="15">
        <v>8.1</v>
      </c>
      <c r="O17" s="15">
        <v>3.9</v>
      </c>
      <c r="P17" s="15">
        <v>10.199999999999999</v>
      </c>
      <c r="Q17" s="15">
        <v>13.5</v>
      </c>
      <c r="R17" s="15">
        <v>14.9</v>
      </c>
      <c r="S17" s="15">
        <v>1.4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735</v>
      </c>
      <c r="F18" s="16">
        <v>651</v>
      </c>
      <c r="G18" s="17">
        <v>-11.4</v>
      </c>
      <c r="H18" s="16">
        <v>2316</v>
      </c>
      <c r="I18" s="16">
        <v>1214</v>
      </c>
      <c r="J18" s="16">
        <v>1102</v>
      </c>
      <c r="K18" s="16">
        <v>1995</v>
      </c>
      <c r="L18" s="16">
        <v>1035</v>
      </c>
      <c r="M18" s="16">
        <v>960</v>
      </c>
      <c r="N18" s="15">
        <v>-13.9</v>
      </c>
      <c r="O18" s="15">
        <v>-14.7</v>
      </c>
      <c r="P18" s="15">
        <v>-12.9</v>
      </c>
      <c r="Q18" s="15">
        <v>3.2</v>
      </c>
      <c r="R18" s="15">
        <v>3.1</v>
      </c>
      <c r="S18" s="15">
        <v>-0.1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63</v>
      </c>
      <c r="F19" s="16">
        <v>140</v>
      </c>
      <c r="G19" s="17">
        <v>-14.1</v>
      </c>
      <c r="H19" s="16">
        <v>722</v>
      </c>
      <c r="I19" s="16">
        <v>450</v>
      </c>
      <c r="J19" s="16">
        <v>272</v>
      </c>
      <c r="K19" s="16">
        <v>605</v>
      </c>
      <c r="L19" s="16">
        <v>351</v>
      </c>
      <c r="M19" s="16">
        <v>249</v>
      </c>
      <c r="N19" s="15">
        <v>-16.2</v>
      </c>
      <c r="O19" s="15">
        <v>-22</v>
      </c>
      <c r="P19" s="15">
        <v>-8.5</v>
      </c>
      <c r="Q19" s="15">
        <v>4.4000000000000004</v>
      </c>
      <c r="R19" s="15">
        <v>4.3</v>
      </c>
      <c r="S19" s="15">
        <v>-0.1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851</v>
      </c>
      <c r="F20" s="16">
        <v>761</v>
      </c>
      <c r="G20" s="17">
        <v>-10.6</v>
      </c>
      <c r="H20" s="16">
        <v>4198</v>
      </c>
      <c r="I20" s="16">
        <v>1778</v>
      </c>
      <c r="J20" s="16">
        <v>2395</v>
      </c>
      <c r="K20" s="16">
        <v>4330</v>
      </c>
      <c r="L20" s="16">
        <v>1781</v>
      </c>
      <c r="M20" s="16">
        <v>2510</v>
      </c>
      <c r="N20" s="15">
        <v>3.1</v>
      </c>
      <c r="O20" s="15">
        <v>0.2</v>
      </c>
      <c r="P20" s="15">
        <v>4.8</v>
      </c>
      <c r="Q20" s="15">
        <v>4.9000000000000004</v>
      </c>
      <c r="R20" s="15">
        <v>5.7</v>
      </c>
      <c r="S20" s="15">
        <v>0.8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578</v>
      </c>
      <c r="F21" s="16">
        <v>542</v>
      </c>
      <c r="G21" s="17">
        <v>-6.2</v>
      </c>
      <c r="H21" s="16">
        <v>1975</v>
      </c>
      <c r="I21" s="16">
        <v>948</v>
      </c>
      <c r="J21" s="16">
        <v>1027</v>
      </c>
      <c r="K21" s="16">
        <v>1788</v>
      </c>
      <c r="L21" s="16">
        <v>904</v>
      </c>
      <c r="M21" s="16">
        <v>875</v>
      </c>
      <c r="N21" s="15">
        <v>-9.5</v>
      </c>
      <c r="O21" s="15">
        <v>-4.5999999999999996</v>
      </c>
      <c r="P21" s="15">
        <v>-14.8</v>
      </c>
      <c r="Q21" s="15">
        <v>3.4</v>
      </c>
      <c r="R21" s="15">
        <v>3.3</v>
      </c>
      <c r="S21" s="15">
        <v>-0.1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155</v>
      </c>
      <c r="F22" s="16">
        <v>171</v>
      </c>
      <c r="G22" s="17">
        <v>10.3</v>
      </c>
      <c r="H22" s="16">
        <v>4051</v>
      </c>
      <c r="I22" s="16">
        <v>2474</v>
      </c>
      <c r="J22" s="16">
        <v>1577</v>
      </c>
      <c r="K22" s="16">
        <v>4138</v>
      </c>
      <c r="L22" s="16">
        <v>2373</v>
      </c>
      <c r="M22" s="16">
        <v>1765</v>
      </c>
      <c r="N22" s="15">
        <v>2.1</v>
      </c>
      <c r="O22" s="15">
        <v>-4.0999999999999996</v>
      </c>
      <c r="P22" s="15">
        <v>11.9</v>
      </c>
      <c r="Q22" s="15">
        <v>26.1</v>
      </c>
      <c r="R22" s="15">
        <v>24.2</v>
      </c>
      <c r="S22" s="15">
        <v>-1.9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623</v>
      </c>
      <c r="F23" s="16">
        <v>718</v>
      </c>
      <c r="G23" s="17">
        <v>15.2</v>
      </c>
      <c r="H23" s="16">
        <v>9970</v>
      </c>
      <c r="I23" s="16">
        <v>2564</v>
      </c>
      <c r="J23" s="16">
        <v>7406</v>
      </c>
      <c r="K23" s="16">
        <v>12265</v>
      </c>
      <c r="L23" s="16">
        <v>3462</v>
      </c>
      <c r="M23" s="16">
        <v>8726</v>
      </c>
      <c r="N23" s="15">
        <v>23</v>
      </c>
      <c r="O23" s="15">
        <v>35</v>
      </c>
      <c r="P23" s="15">
        <v>17.8</v>
      </c>
      <c r="Q23" s="15">
        <v>16</v>
      </c>
      <c r="R23" s="15">
        <v>17.100000000000001</v>
      </c>
      <c r="S23" s="15">
        <v>1.1000000000000001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22</v>
      </c>
      <c r="F24" s="16">
        <v>21</v>
      </c>
      <c r="G24" s="17">
        <v>-4.5</v>
      </c>
      <c r="H24" s="16">
        <v>181</v>
      </c>
      <c r="I24" s="16">
        <v>86</v>
      </c>
      <c r="J24" s="16">
        <v>95</v>
      </c>
      <c r="K24" s="16">
        <v>142</v>
      </c>
      <c r="L24" s="16">
        <v>61</v>
      </c>
      <c r="M24" s="16">
        <v>81</v>
      </c>
      <c r="N24" s="15">
        <v>-21.5</v>
      </c>
      <c r="O24" s="15">
        <v>-29.1</v>
      </c>
      <c r="P24" s="15">
        <v>-14.7</v>
      </c>
      <c r="Q24" s="15">
        <v>8.1999999999999993</v>
      </c>
      <c r="R24" s="15">
        <v>6.8</v>
      </c>
      <c r="S24" s="15">
        <v>-1.4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34</v>
      </c>
      <c r="F25" s="10">
        <v>248</v>
      </c>
      <c r="G25" s="9">
        <v>6</v>
      </c>
      <c r="H25" s="10">
        <v>1706</v>
      </c>
      <c r="I25" s="10">
        <v>1017</v>
      </c>
      <c r="J25" s="10">
        <v>689</v>
      </c>
      <c r="K25" s="10">
        <v>2007</v>
      </c>
      <c r="L25" s="10">
        <v>1095</v>
      </c>
      <c r="M25" s="10">
        <v>854</v>
      </c>
      <c r="N25" s="8">
        <v>17.600000000000001</v>
      </c>
      <c r="O25" s="8">
        <v>7.7</v>
      </c>
      <c r="P25" s="8">
        <v>23.9</v>
      </c>
      <c r="Q25" s="8">
        <v>7.3</v>
      </c>
      <c r="R25" s="8">
        <v>8.1</v>
      </c>
      <c r="S25" s="8">
        <v>0.8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">
    <pageSetUpPr fitToPage="1"/>
  </sheetPr>
  <dimension ref="A1:T26"/>
  <sheetViews>
    <sheetView topLeftCell="A7"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80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6006</v>
      </c>
      <c r="F7" s="24">
        <v>5683</v>
      </c>
      <c r="G7" s="25">
        <v>-5.4</v>
      </c>
      <c r="H7" s="24">
        <v>44111</v>
      </c>
      <c r="I7" s="24">
        <v>23306</v>
      </c>
      <c r="J7" s="24">
        <v>20777</v>
      </c>
      <c r="K7" s="24">
        <v>43070</v>
      </c>
      <c r="L7" s="24">
        <v>21856</v>
      </c>
      <c r="M7" s="24">
        <v>21031</v>
      </c>
      <c r="N7" s="23">
        <v>-2.4</v>
      </c>
      <c r="O7" s="23">
        <v>-6.2</v>
      </c>
      <c r="P7" s="23">
        <v>1.2</v>
      </c>
      <c r="Q7" s="23">
        <v>7.3</v>
      </c>
      <c r="R7" s="23">
        <v>7.6</v>
      </c>
      <c r="S7" s="23">
        <v>0.3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3</v>
      </c>
      <c r="F8" s="16">
        <v>2</v>
      </c>
      <c r="G8" s="17">
        <v>-33.299999999999997</v>
      </c>
      <c r="H8" s="16">
        <v>79</v>
      </c>
      <c r="I8" s="16">
        <v>36</v>
      </c>
      <c r="J8" s="16">
        <v>43</v>
      </c>
      <c r="K8" s="16">
        <v>3</v>
      </c>
      <c r="L8" s="16">
        <v>2</v>
      </c>
      <c r="M8" s="16">
        <v>1</v>
      </c>
      <c r="N8" s="15">
        <v>-96.2</v>
      </c>
      <c r="O8" s="15">
        <v>-94.4</v>
      </c>
      <c r="P8" s="15">
        <v>-97.7</v>
      </c>
      <c r="Q8" s="15">
        <v>26.3</v>
      </c>
      <c r="R8" s="15">
        <v>1.5</v>
      </c>
      <c r="S8" s="15">
        <v>-24.8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436</v>
      </c>
      <c r="F11" s="16">
        <v>426</v>
      </c>
      <c r="G11" s="17">
        <v>-2.2999999999999998</v>
      </c>
      <c r="H11" s="16">
        <v>2768</v>
      </c>
      <c r="I11" s="16">
        <v>2232</v>
      </c>
      <c r="J11" s="16">
        <v>536</v>
      </c>
      <c r="K11" s="16">
        <v>2466</v>
      </c>
      <c r="L11" s="16">
        <v>2002</v>
      </c>
      <c r="M11" s="16">
        <v>454</v>
      </c>
      <c r="N11" s="15">
        <v>-10.9</v>
      </c>
      <c r="O11" s="15">
        <v>-10.3</v>
      </c>
      <c r="P11" s="15">
        <v>-15.3</v>
      </c>
      <c r="Q11" s="15">
        <v>6.3</v>
      </c>
      <c r="R11" s="15">
        <v>5.8</v>
      </c>
      <c r="S11" s="15">
        <v>-0.5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810</v>
      </c>
      <c r="F12" s="16">
        <v>701</v>
      </c>
      <c r="G12" s="17">
        <v>-13.5</v>
      </c>
      <c r="H12" s="16">
        <v>6621</v>
      </c>
      <c r="I12" s="16">
        <v>3746</v>
      </c>
      <c r="J12" s="16">
        <v>2875</v>
      </c>
      <c r="K12" s="16">
        <v>6326</v>
      </c>
      <c r="L12" s="16">
        <v>3697</v>
      </c>
      <c r="M12" s="16">
        <v>2629</v>
      </c>
      <c r="N12" s="15">
        <v>-4.5</v>
      </c>
      <c r="O12" s="15">
        <v>-1.3</v>
      </c>
      <c r="P12" s="15">
        <v>-8.6</v>
      </c>
      <c r="Q12" s="15">
        <v>8.1999999999999993</v>
      </c>
      <c r="R12" s="15">
        <v>9</v>
      </c>
      <c r="S12" s="15">
        <v>0.8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1</v>
      </c>
      <c r="F13" s="16">
        <v>1</v>
      </c>
      <c r="G13" s="17">
        <v>0</v>
      </c>
      <c r="H13" s="16">
        <v>150</v>
      </c>
      <c r="I13" s="16">
        <v>141</v>
      </c>
      <c r="J13" s="16">
        <v>9</v>
      </c>
      <c r="K13" s="16">
        <v>35</v>
      </c>
      <c r="L13" s="16">
        <v>26</v>
      </c>
      <c r="M13" s="16">
        <v>9</v>
      </c>
      <c r="N13" s="15">
        <v>-76.7</v>
      </c>
      <c r="O13" s="15">
        <v>-81.599999999999994</v>
      </c>
      <c r="P13" s="15">
        <v>0</v>
      </c>
      <c r="Q13" s="15">
        <v>150</v>
      </c>
      <c r="R13" s="15">
        <v>35</v>
      </c>
      <c r="S13" s="15">
        <v>-115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35</v>
      </c>
      <c r="F14" s="16">
        <v>24</v>
      </c>
      <c r="G14" s="17">
        <v>-31.4</v>
      </c>
      <c r="H14" s="16">
        <v>266</v>
      </c>
      <c r="I14" s="16">
        <v>174</v>
      </c>
      <c r="J14" s="16">
        <v>92</v>
      </c>
      <c r="K14" s="16">
        <v>102</v>
      </c>
      <c r="L14" s="16">
        <v>54</v>
      </c>
      <c r="M14" s="16">
        <v>46</v>
      </c>
      <c r="N14" s="15">
        <v>-61.7</v>
      </c>
      <c r="O14" s="15">
        <v>-69</v>
      </c>
      <c r="P14" s="15">
        <v>-50</v>
      </c>
      <c r="Q14" s="15">
        <v>7.6</v>
      </c>
      <c r="R14" s="15">
        <v>4.3</v>
      </c>
      <c r="S14" s="15">
        <v>-3.3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125</v>
      </c>
      <c r="F15" s="16">
        <v>111</v>
      </c>
      <c r="G15" s="17">
        <v>-11.2</v>
      </c>
      <c r="H15" s="16">
        <v>2493</v>
      </c>
      <c r="I15" s="16">
        <v>2239</v>
      </c>
      <c r="J15" s="16">
        <v>254</v>
      </c>
      <c r="K15" s="16">
        <v>1933</v>
      </c>
      <c r="L15" s="16">
        <v>1639</v>
      </c>
      <c r="M15" s="16">
        <v>291</v>
      </c>
      <c r="N15" s="15">
        <v>-22.5</v>
      </c>
      <c r="O15" s="15">
        <v>-26.8</v>
      </c>
      <c r="P15" s="15">
        <v>14.6</v>
      </c>
      <c r="Q15" s="15">
        <v>19.899999999999999</v>
      </c>
      <c r="R15" s="15">
        <v>17.399999999999999</v>
      </c>
      <c r="S15" s="15">
        <v>-2.5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708</v>
      </c>
      <c r="F16" s="16">
        <v>1518</v>
      </c>
      <c r="G16" s="17">
        <v>-11.1</v>
      </c>
      <c r="H16" s="16">
        <v>11708</v>
      </c>
      <c r="I16" s="16">
        <v>6730</v>
      </c>
      <c r="J16" s="16">
        <v>4950</v>
      </c>
      <c r="K16" s="16">
        <v>11124</v>
      </c>
      <c r="L16" s="16">
        <v>6343</v>
      </c>
      <c r="M16" s="16">
        <v>4767</v>
      </c>
      <c r="N16" s="15">
        <v>-5</v>
      </c>
      <c r="O16" s="15">
        <v>-5.8</v>
      </c>
      <c r="P16" s="15">
        <v>-3.7</v>
      </c>
      <c r="Q16" s="15">
        <v>6.9</v>
      </c>
      <c r="R16" s="15">
        <v>7.3</v>
      </c>
      <c r="S16" s="15">
        <v>0.4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44</v>
      </c>
      <c r="F17" s="16">
        <v>41</v>
      </c>
      <c r="G17" s="17">
        <v>-6.8</v>
      </c>
      <c r="H17" s="16">
        <v>426</v>
      </c>
      <c r="I17" s="16">
        <v>186</v>
      </c>
      <c r="J17" s="16">
        <v>240</v>
      </c>
      <c r="K17" s="16">
        <v>524</v>
      </c>
      <c r="L17" s="16">
        <v>209</v>
      </c>
      <c r="M17" s="16">
        <v>315</v>
      </c>
      <c r="N17" s="15">
        <v>23</v>
      </c>
      <c r="O17" s="15">
        <v>12.4</v>
      </c>
      <c r="P17" s="15">
        <v>31.3</v>
      </c>
      <c r="Q17" s="15">
        <v>9.6999999999999993</v>
      </c>
      <c r="R17" s="15">
        <v>12.8</v>
      </c>
      <c r="S17" s="15">
        <v>3.1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570</v>
      </c>
      <c r="F18" s="16">
        <v>534</v>
      </c>
      <c r="G18" s="17">
        <v>-6.3</v>
      </c>
      <c r="H18" s="16">
        <v>1607</v>
      </c>
      <c r="I18" s="16">
        <v>813</v>
      </c>
      <c r="J18" s="16">
        <v>794</v>
      </c>
      <c r="K18" s="16">
        <v>1414</v>
      </c>
      <c r="L18" s="16">
        <v>725</v>
      </c>
      <c r="M18" s="16">
        <v>689</v>
      </c>
      <c r="N18" s="15">
        <v>-12</v>
      </c>
      <c r="O18" s="15">
        <v>-10.8</v>
      </c>
      <c r="P18" s="15">
        <v>-13.2</v>
      </c>
      <c r="Q18" s="15">
        <v>2.8</v>
      </c>
      <c r="R18" s="15">
        <v>2.6</v>
      </c>
      <c r="S18" s="15">
        <v>-0.2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25</v>
      </c>
      <c r="F19" s="16">
        <v>131</v>
      </c>
      <c r="G19" s="17">
        <v>4.8</v>
      </c>
      <c r="H19" s="16">
        <v>499</v>
      </c>
      <c r="I19" s="16">
        <v>329</v>
      </c>
      <c r="J19" s="16">
        <v>170</v>
      </c>
      <c r="K19" s="16">
        <v>563</v>
      </c>
      <c r="L19" s="16">
        <v>329</v>
      </c>
      <c r="M19" s="16">
        <v>234</v>
      </c>
      <c r="N19" s="15">
        <v>12.8</v>
      </c>
      <c r="O19" s="15">
        <v>0</v>
      </c>
      <c r="P19" s="15">
        <v>37.6</v>
      </c>
      <c r="Q19" s="15">
        <v>4</v>
      </c>
      <c r="R19" s="15">
        <v>4.3</v>
      </c>
      <c r="S19" s="15">
        <v>0.3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700</v>
      </c>
      <c r="F20" s="16">
        <v>679</v>
      </c>
      <c r="G20" s="17">
        <v>-3</v>
      </c>
      <c r="H20" s="16">
        <v>4717</v>
      </c>
      <c r="I20" s="16">
        <v>1782</v>
      </c>
      <c r="J20" s="16">
        <v>2935</v>
      </c>
      <c r="K20" s="16">
        <v>3579</v>
      </c>
      <c r="L20" s="16">
        <v>1508</v>
      </c>
      <c r="M20" s="16">
        <v>2061</v>
      </c>
      <c r="N20" s="15">
        <v>-24.1</v>
      </c>
      <c r="O20" s="15">
        <v>-15.4</v>
      </c>
      <c r="P20" s="15">
        <v>-29.8</v>
      </c>
      <c r="Q20" s="15">
        <v>6.7</v>
      </c>
      <c r="R20" s="15">
        <v>5.3</v>
      </c>
      <c r="S20" s="15">
        <v>-1.4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471</v>
      </c>
      <c r="F21" s="16">
        <v>397</v>
      </c>
      <c r="G21" s="17">
        <v>-15.7</v>
      </c>
      <c r="H21" s="16">
        <v>1507</v>
      </c>
      <c r="I21" s="16">
        <v>757</v>
      </c>
      <c r="J21" s="16">
        <v>750</v>
      </c>
      <c r="K21" s="16">
        <v>1172</v>
      </c>
      <c r="L21" s="16">
        <v>579</v>
      </c>
      <c r="M21" s="16">
        <v>593</v>
      </c>
      <c r="N21" s="15">
        <v>-22.2</v>
      </c>
      <c r="O21" s="15">
        <v>-23.5</v>
      </c>
      <c r="P21" s="15">
        <v>-20.9</v>
      </c>
      <c r="Q21" s="15">
        <v>3.2</v>
      </c>
      <c r="R21" s="15">
        <v>3</v>
      </c>
      <c r="S21" s="15">
        <v>-0.2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139</v>
      </c>
      <c r="F22" s="16">
        <v>154</v>
      </c>
      <c r="G22" s="17">
        <v>10.8</v>
      </c>
      <c r="H22" s="16">
        <v>1426</v>
      </c>
      <c r="I22" s="16">
        <v>649</v>
      </c>
      <c r="J22" s="16">
        <v>777</v>
      </c>
      <c r="K22" s="16">
        <v>1411</v>
      </c>
      <c r="L22" s="16">
        <v>639</v>
      </c>
      <c r="M22" s="16">
        <v>772</v>
      </c>
      <c r="N22" s="15">
        <v>-1.1000000000000001</v>
      </c>
      <c r="O22" s="15">
        <v>-1.5</v>
      </c>
      <c r="P22" s="15">
        <v>-0.6</v>
      </c>
      <c r="Q22" s="15">
        <v>10.3</v>
      </c>
      <c r="R22" s="15">
        <v>9.1999999999999993</v>
      </c>
      <c r="S22" s="15">
        <v>-1.1000000000000001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508</v>
      </c>
      <c r="F23" s="16">
        <v>656</v>
      </c>
      <c r="G23" s="17">
        <v>29.1</v>
      </c>
      <c r="H23" s="16">
        <v>7657</v>
      </c>
      <c r="I23" s="16">
        <v>2130</v>
      </c>
      <c r="J23" s="16">
        <v>5527</v>
      </c>
      <c r="K23" s="16">
        <v>10256</v>
      </c>
      <c r="L23" s="16">
        <v>2741</v>
      </c>
      <c r="M23" s="16">
        <v>7372</v>
      </c>
      <c r="N23" s="15">
        <v>33.9</v>
      </c>
      <c r="O23" s="15">
        <v>28.7</v>
      </c>
      <c r="P23" s="15">
        <v>33.4</v>
      </c>
      <c r="Q23" s="15">
        <v>15.1</v>
      </c>
      <c r="R23" s="15">
        <v>15.6</v>
      </c>
      <c r="S23" s="15">
        <v>0.5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25</v>
      </c>
      <c r="F24" s="16">
        <v>25</v>
      </c>
      <c r="G24" s="17">
        <v>0</v>
      </c>
      <c r="H24" s="16">
        <v>209</v>
      </c>
      <c r="I24" s="16">
        <v>123</v>
      </c>
      <c r="J24" s="16">
        <v>86</v>
      </c>
      <c r="K24" s="16">
        <v>418</v>
      </c>
      <c r="L24" s="16">
        <v>270</v>
      </c>
      <c r="M24" s="16">
        <v>148</v>
      </c>
      <c r="N24" s="15">
        <v>100</v>
      </c>
      <c r="O24" s="15">
        <v>119.5</v>
      </c>
      <c r="P24" s="15">
        <v>72.099999999999994</v>
      </c>
      <c r="Q24" s="15">
        <v>8.4</v>
      </c>
      <c r="R24" s="15">
        <v>16.7</v>
      </c>
      <c r="S24" s="15">
        <v>8.3000000000000007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306</v>
      </c>
      <c r="F25" s="10">
        <v>283</v>
      </c>
      <c r="G25" s="9">
        <v>-7.5</v>
      </c>
      <c r="H25" s="10">
        <v>1978</v>
      </c>
      <c r="I25" s="10">
        <v>1239</v>
      </c>
      <c r="J25" s="10">
        <v>739</v>
      </c>
      <c r="K25" s="10">
        <v>1744</v>
      </c>
      <c r="L25" s="10">
        <v>1093</v>
      </c>
      <c r="M25" s="10">
        <v>650</v>
      </c>
      <c r="N25" s="8">
        <v>-11.8</v>
      </c>
      <c r="O25" s="8">
        <v>-11.8</v>
      </c>
      <c r="P25" s="8">
        <v>-12</v>
      </c>
      <c r="Q25" s="8">
        <v>6.5</v>
      </c>
      <c r="R25" s="8">
        <v>6.2</v>
      </c>
      <c r="S25" s="8">
        <v>-0.3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">
    <pageSetUpPr fitToPage="1"/>
  </sheetPr>
  <dimension ref="A1:T26"/>
  <sheetViews>
    <sheetView topLeftCell="A4"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81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7922</v>
      </c>
      <c r="F7" s="24">
        <v>7592</v>
      </c>
      <c r="G7" s="25">
        <v>-4.2</v>
      </c>
      <c r="H7" s="24">
        <v>63740</v>
      </c>
      <c r="I7" s="24">
        <v>35496</v>
      </c>
      <c r="J7" s="24">
        <v>28107</v>
      </c>
      <c r="K7" s="24">
        <v>63886</v>
      </c>
      <c r="L7" s="24">
        <v>34341</v>
      </c>
      <c r="M7" s="24">
        <v>29153</v>
      </c>
      <c r="N7" s="23">
        <v>0.2</v>
      </c>
      <c r="O7" s="23">
        <v>-3.3</v>
      </c>
      <c r="P7" s="23">
        <v>3.7</v>
      </c>
      <c r="Q7" s="23">
        <v>8</v>
      </c>
      <c r="R7" s="23">
        <v>8.4</v>
      </c>
      <c r="S7" s="23">
        <v>0.4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6</v>
      </c>
      <c r="F8" s="16">
        <v>7</v>
      </c>
      <c r="G8" s="17">
        <v>16.7</v>
      </c>
      <c r="H8" s="16">
        <v>73</v>
      </c>
      <c r="I8" s="16">
        <v>54</v>
      </c>
      <c r="J8" s="16">
        <v>19</v>
      </c>
      <c r="K8" s="16">
        <v>69</v>
      </c>
      <c r="L8" s="16">
        <v>53</v>
      </c>
      <c r="M8" s="16">
        <v>6</v>
      </c>
      <c r="N8" s="15">
        <v>-5.5</v>
      </c>
      <c r="O8" s="15">
        <v>-1.9</v>
      </c>
      <c r="P8" s="15">
        <v>-68.400000000000006</v>
      </c>
      <c r="Q8" s="15">
        <v>12.2</v>
      </c>
      <c r="R8" s="15">
        <v>9.9</v>
      </c>
      <c r="S8" s="15">
        <v>-2.2999999999999998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>
        <v>1</v>
      </c>
      <c r="F10" s="16">
        <v>1</v>
      </c>
      <c r="G10" s="17">
        <v>0</v>
      </c>
      <c r="H10" s="16">
        <v>1</v>
      </c>
      <c r="I10" s="16">
        <v>1</v>
      </c>
      <c r="J10" s="16" t="s">
        <v>34</v>
      </c>
      <c r="K10" s="16">
        <v>1</v>
      </c>
      <c r="L10" s="16">
        <v>1</v>
      </c>
      <c r="M10" s="16" t="s">
        <v>34</v>
      </c>
      <c r="N10" s="15">
        <v>0</v>
      </c>
      <c r="O10" s="15">
        <v>0</v>
      </c>
      <c r="P10" s="15" t="s">
        <v>34</v>
      </c>
      <c r="Q10" s="15">
        <v>1</v>
      </c>
      <c r="R10" s="15">
        <v>1</v>
      </c>
      <c r="S10" s="15">
        <v>0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502</v>
      </c>
      <c r="F11" s="16">
        <v>501</v>
      </c>
      <c r="G11" s="17">
        <v>-0.2</v>
      </c>
      <c r="H11" s="16">
        <v>3241</v>
      </c>
      <c r="I11" s="16">
        <v>2644</v>
      </c>
      <c r="J11" s="16">
        <v>597</v>
      </c>
      <c r="K11" s="16">
        <v>3232</v>
      </c>
      <c r="L11" s="16">
        <v>2617</v>
      </c>
      <c r="M11" s="16">
        <v>595</v>
      </c>
      <c r="N11" s="15">
        <v>-0.3</v>
      </c>
      <c r="O11" s="15">
        <v>-1</v>
      </c>
      <c r="P11" s="15">
        <v>-0.3</v>
      </c>
      <c r="Q11" s="15">
        <v>6.5</v>
      </c>
      <c r="R11" s="15">
        <v>6.5</v>
      </c>
      <c r="S11" s="15">
        <v>0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2102</v>
      </c>
      <c r="F12" s="16">
        <v>1818</v>
      </c>
      <c r="G12" s="17">
        <v>-13.5</v>
      </c>
      <c r="H12" s="16">
        <v>19671</v>
      </c>
      <c r="I12" s="16">
        <v>13324</v>
      </c>
      <c r="J12" s="16">
        <v>6347</v>
      </c>
      <c r="K12" s="16">
        <v>17087</v>
      </c>
      <c r="L12" s="16">
        <v>11500</v>
      </c>
      <c r="M12" s="16">
        <v>5546</v>
      </c>
      <c r="N12" s="15">
        <v>-13.1</v>
      </c>
      <c r="O12" s="15">
        <v>-13.7</v>
      </c>
      <c r="P12" s="15">
        <v>-12.6</v>
      </c>
      <c r="Q12" s="15">
        <v>9.4</v>
      </c>
      <c r="R12" s="15">
        <v>9.4</v>
      </c>
      <c r="S12" s="15">
        <v>0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 t="s">
        <v>34</v>
      </c>
      <c r="F13" s="16">
        <v>1</v>
      </c>
      <c r="G13" s="17" t="s">
        <v>34</v>
      </c>
      <c r="H13" s="16" t="s">
        <v>34</v>
      </c>
      <c r="I13" s="16" t="s">
        <v>34</v>
      </c>
      <c r="J13" s="16" t="s">
        <v>34</v>
      </c>
      <c r="K13" s="16">
        <v>5</v>
      </c>
      <c r="L13" s="16">
        <v>5</v>
      </c>
      <c r="M13" s="16" t="s">
        <v>34</v>
      </c>
      <c r="N13" s="15" t="s">
        <v>34</v>
      </c>
      <c r="O13" s="15" t="s">
        <v>34</v>
      </c>
      <c r="P13" s="15" t="s">
        <v>34</v>
      </c>
      <c r="Q13" s="15" t="s">
        <v>34</v>
      </c>
      <c r="R13" s="15">
        <v>5</v>
      </c>
      <c r="S13" s="15">
        <v>5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30</v>
      </c>
      <c r="F14" s="16">
        <v>22</v>
      </c>
      <c r="G14" s="17">
        <v>-26.7</v>
      </c>
      <c r="H14" s="16">
        <v>97</v>
      </c>
      <c r="I14" s="16">
        <v>52</v>
      </c>
      <c r="J14" s="16">
        <v>45</v>
      </c>
      <c r="K14" s="16">
        <v>123</v>
      </c>
      <c r="L14" s="16">
        <v>65</v>
      </c>
      <c r="M14" s="16">
        <v>35</v>
      </c>
      <c r="N14" s="15">
        <v>26.8</v>
      </c>
      <c r="O14" s="15">
        <v>25</v>
      </c>
      <c r="P14" s="15">
        <v>-22.2</v>
      </c>
      <c r="Q14" s="15">
        <v>3.2</v>
      </c>
      <c r="R14" s="15">
        <v>5.6</v>
      </c>
      <c r="S14" s="15">
        <v>2.4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144</v>
      </c>
      <c r="F15" s="16">
        <v>128</v>
      </c>
      <c r="G15" s="17">
        <v>-11.1</v>
      </c>
      <c r="H15" s="16">
        <v>2433</v>
      </c>
      <c r="I15" s="16">
        <v>2101</v>
      </c>
      <c r="J15" s="16">
        <v>332</v>
      </c>
      <c r="K15" s="16">
        <v>2062</v>
      </c>
      <c r="L15" s="16">
        <v>1792</v>
      </c>
      <c r="M15" s="16">
        <v>270</v>
      </c>
      <c r="N15" s="15">
        <v>-15.2</v>
      </c>
      <c r="O15" s="15">
        <v>-14.7</v>
      </c>
      <c r="P15" s="15">
        <v>-18.7</v>
      </c>
      <c r="Q15" s="15">
        <v>16.899999999999999</v>
      </c>
      <c r="R15" s="15">
        <v>16.100000000000001</v>
      </c>
      <c r="S15" s="15">
        <v>-0.8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725</v>
      </c>
      <c r="F16" s="16">
        <v>1659</v>
      </c>
      <c r="G16" s="17">
        <v>-3.8</v>
      </c>
      <c r="H16" s="16">
        <v>12953</v>
      </c>
      <c r="I16" s="16">
        <v>6647</v>
      </c>
      <c r="J16" s="16">
        <v>6265</v>
      </c>
      <c r="K16" s="16">
        <v>14420</v>
      </c>
      <c r="L16" s="16">
        <v>7649</v>
      </c>
      <c r="M16" s="16">
        <v>6744</v>
      </c>
      <c r="N16" s="15">
        <v>11.3</v>
      </c>
      <c r="O16" s="15">
        <v>15.1</v>
      </c>
      <c r="P16" s="15">
        <v>7.6</v>
      </c>
      <c r="Q16" s="15">
        <v>7.5</v>
      </c>
      <c r="R16" s="15">
        <v>8.6999999999999993</v>
      </c>
      <c r="S16" s="15">
        <v>1.2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58</v>
      </c>
      <c r="F17" s="16">
        <v>50</v>
      </c>
      <c r="G17" s="17">
        <v>-13.8</v>
      </c>
      <c r="H17" s="16">
        <v>849</v>
      </c>
      <c r="I17" s="16">
        <v>372</v>
      </c>
      <c r="J17" s="16">
        <v>477</v>
      </c>
      <c r="K17" s="16">
        <v>826</v>
      </c>
      <c r="L17" s="16">
        <v>327</v>
      </c>
      <c r="M17" s="16">
        <v>499</v>
      </c>
      <c r="N17" s="15">
        <v>-2.7</v>
      </c>
      <c r="O17" s="15">
        <v>-12.1</v>
      </c>
      <c r="P17" s="15">
        <v>4.5999999999999996</v>
      </c>
      <c r="Q17" s="15">
        <v>14.6</v>
      </c>
      <c r="R17" s="15">
        <v>16.5</v>
      </c>
      <c r="S17" s="15">
        <v>1.9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731</v>
      </c>
      <c r="F18" s="16">
        <v>690</v>
      </c>
      <c r="G18" s="17">
        <v>-5.6</v>
      </c>
      <c r="H18" s="16">
        <v>2649</v>
      </c>
      <c r="I18" s="16">
        <v>1459</v>
      </c>
      <c r="J18" s="16">
        <v>1190</v>
      </c>
      <c r="K18" s="16">
        <v>2431</v>
      </c>
      <c r="L18" s="16">
        <v>1369</v>
      </c>
      <c r="M18" s="16">
        <v>1058</v>
      </c>
      <c r="N18" s="15">
        <v>-8.1999999999999993</v>
      </c>
      <c r="O18" s="15">
        <v>-6.2</v>
      </c>
      <c r="P18" s="15">
        <v>-11.1</v>
      </c>
      <c r="Q18" s="15">
        <v>3.6</v>
      </c>
      <c r="R18" s="15">
        <v>3.5</v>
      </c>
      <c r="S18" s="15">
        <v>-0.1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20</v>
      </c>
      <c r="F19" s="16">
        <v>130</v>
      </c>
      <c r="G19" s="17">
        <v>8.3000000000000007</v>
      </c>
      <c r="H19" s="16">
        <v>590</v>
      </c>
      <c r="I19" s="16">
        <v>357</v>
      </c>
      <c r="J19" s="16">
        <v>233</v>
      </c>
      <c r="K19" s="16">
        <v>681</v>
      </c>
      <c r="L19" s="16">
        <v>408</v>
      </c>
      <c r="M19" s="16">
        <v>273</v>
      </c>
      <c r="N19" s="15">
        <v>15.4</v>
      </c>
      <c r="O19" s="15">
        <v>14.3</v>
      </c>
      <c r="P19" s="15">
        <v>17.2</v>
      </c>
      <c r="Q19" s="15">
        <v>4.9000000000000004</v>
      </c>
      <c r="R19" s="15">
        <v>5.2</v>
      </c>
      <c r="S19" s="15">
        <v>0.3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871</v>
      </c>
      <c r="F20" s="16">
        <v>789</v>
      </c>
      <c r="G20" s="17">
        <v>-9.4</v>
      </c>
      <c r="H20" s="16">
        <v>5297</v>
      </c>
      <c r="I20" s="16">
        <v>2210</v>
      </c>
      <c r="J20" s="16">
        <v>2991</v>
      </c>
      <c r="K20" s="16">
        <v>4672</v>
      </c>
      <c r="L20" s="16">
        <v>1960</v>
      </c>
      <c r="M20" s="16">
        <v>2695</v>
      </c>
      <c r="N20" s="15">
        <v>-11.8</v>
      </c>
      <c r="O20" s="15">
        <v>-11.3</v>
      </c>
      <c r="P20" s="15">
        <v>-9.9</v>
      </c>
      <c r="Q20" s="15">
        <v>6.1</v>
      </c>
      <c r="R20" s="15">
        <v>5.9</v>
      </c>
      <c r="S20" s="15">
        <v>-0.2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535</v>
      </c>
      <c r="F21" s="16">
        <v>509</v>
      </c>
      <c r="G21" s="17">
        <v>-4.9000000000000004</v>
      </c>
      <c r="H21" s="16">
        <v>2768</v>
      </c>
      <c r="I21" s="16">
        <v>1340</v>
      </c>
      <c r="J21" s="16">
        <v>1428</v>
      </c>
      <c r="K21" s="16">
        <v>2632</v>
      </c>
      <c r="L21" s="16">
        <v>1246</v>
      </c>
      <c r="M21" s="16">
        <v>1386</v>
      </c>
      <c r="N21" s="15">
        <v>-4.9000000000000004</v>
      </c>
      <c r="O21" s="15">
        <v>-7</v>
      </c>
      <c r="P21" s="15">
        <v>-2.9</v>
      </c>
      <c r="Q21" s="15">
        <v>5.2</v>
      </c>
      <c r="R21" s="15">
        <v>5.2</v>
      </c>
      <c r="S21" s="15">
        <v>0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121</v>
      </c>
      <c r="F22" s="16">
        <v>129</v>
      </c>
      <c r="G22" s="17">
        <v>6.6</v>
      </c>
      <c r="H22" s="16">
        <v>1639</v>
      </c>
      <c r="I22" s="16">
        <v>867</v>
      </c>
      <c r="J22" s="16">
        <v>772</v>
      </c>
      <c r="K22" s="16">
        <v>1524</v>
      </c>
      <c r="L22" s="16">
        <v>588</v>
      </c>
      <c r="M22" s="16">
        <v>909</v>
      </c>
      <c r="N22" s="15">
        <v>-7</v>
      </c>
      <c r="O22" s="15">
        <v>-32.200000000000003</v>
      </c>
      <c r="P22" s="15">
        <v>17.7</v>
      </c>
      <c r="Q22" s="15">
        <v>13.5</v>
      </c>
      <c r="R22" s="15">
        <v>11.8</v>
      </c>
      <c r="S22" s="15">
        <v>-1.7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626</v>
      </c>
      <c r="F23" s="16">
        <v>823</v>
      </c>
      <c r="G23" s="17">
        <v>31.5</v>
      </c>
      <c r="H23" s="16">
        <v>9042</v>
      </c>
      <c r="I23" s="16">
        <v>2339</v>
      </c>
      <c r="J23" s="16">
        <v>6703</v>
      </c>
      <c r="K23" s="16">
        <v>11602</v>
      </c>
      <c r="L23" s="16">
        <v>3016</v>
      </c>
      <c r="M23" s="16">
        <v>8365</v>
      </c>
      <c r="N23" s="15">
        <v>28.3</v>
      </c>
      <c r="O23" s="15">
        <v>28.9</v>
      </c>
      <c r="P23" s="15">
        <v>24.8</v>
      </c>
      <c r="Q23" s="15">
        <v>14.4</v>
      </c>
      <c r="R23" s="15">
        <v>14.1</v>
      </c>
      <c r="S23" s="15">
        <v>-0.3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32</v>
      </c>
      <c r="F24" s="16">
        <v>32</v>
      </c>
      <c r="G24" s="17">
        <v>0</v>
      </c>
      <c r="H24" s="16">
        <v>317</v>
      </c>
      <c r="I24" s="16">
        <v>175</v>
      </c>
      <c r="J24" s="16">
        <v>142</v>
      </c>
      <c r="K24" s="16">
        <v>560</v>
      </c>
      <c r="L24" s="16">
        <v>348</v>
      </c>
      <c r="M24" s="16">
        <v>212</v>
      </c>
      <c r="N24" s="15">
        <v>76.7</v>
      </c>
      <c r="O24" s="15">
        <v>98.9</v>
      </c>
      <c r="P24" s="15">
        <v>49.3</v>
      </c>
      <c r="Q24" s="15">
        <v>9.9</v>
      </c>
      <c r="R24" s="15">
        <v>17.5</v>
      </c>
      <c r="S24" s="15">
        <v>7.6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318</v>
      </c>
      <c r="F25" s="10">
        <v>303</v>
      </c>
      <c r="G25" s="9">
        <v>-4.7</v>
      </c>
      <c r="H25" s="10">
        <v>2120</v>
      </c>
      <c r="I25" s="10">
        <v>1554</v>
      </c>
      <c r="J25" s="10">
        <v>566</v>
      </c>
      <c r="K25" s="10">
        <v>1959</v>
      </c>
      <c r="L25" s="10">
        <v>1397</v>
      </c>
      <c r="M25" s="10">
        <v>560</v>
      </c>
      <c r="N25" s="8">
        <v>-7.6</v>
      </c>
      <c r="O25" s="8">
        <v>-10.1</v>
      </c>
      <c r="P25" s="8">
        <v>-1.1000000000000001</v>
      </c>
      <c r="Q25" s="8">
        <v>6.7</v>
      </c>
      <c r="R25" s="8">
        <v>6.5</v>
      </c>
      <c r="S25" s="8">
        <v>-0.2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">
    <pageSetUpPr fitToPage="1"/>
  </sheetPr>
  <dimension ref="A1:T26"/>
  <sheetViews>
    <sheetView topLeftCell="A4"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59" bestFit="1" customWidth="1"/>
    <col min="2" max="2" width="1.25" style="58" customWidth="1"/>
    <col min="3" max="3" width="3.25" style="59" bestFit="1" customWidth="1"/>
    <col min="4" max="4" width="35" style="58" customWidth="1"/>
    <col min="5" max="7" width="8.75" style="58" customWidth="1"/>
    <col min="8" max="13" width="10.625" style="58" customWidth="1"/>
    <col min="14" max="16" width="8.625" style="58" customWidth="1"/>
    <col min="17" max="17" width="9.125" style="58" bestFit="1" customWidth="1"/>
    <col min="18" max="18" width="9.125" style="58" customWidth="1"/>
    <col min="19" max="19" width="9.125" style="58" bestFit="1" customWidth="1"/>
    <col min="20" max="20" width="4.25" style="58" customWidth="1"/>
    <col min="21" max="16384" width="9" style="58"/>
  </cols>
  <sheetData>
    <row r="1" spans="1:20" ht="52.5" customHeight="1" x14ac:dyDescent="0.4">
      <c r="A1" s="113"/>
      <c r="B1" s="112" t="s">
        <v>58</v>
      </c>
      <c r="C1" s="112"/>
      <c r="D1" s="112"/>
      <c r="E1" s="112"/>
      <c r="F1" s="112"/>
      <c r="G1" s="112"/>
      <c r="H1" s="112"/>
      <c r="I1" s="112"/>
      <c r="J1" s="112"/>
      <c r="K1" s="112"/>
      <c r="L1" s="112"/>
      <c r="M1" s="112"/>
      <c r="N1" s="112"/>
      <c r="O1" s="112"/>
      <c r="P1" s="112"/>
      <c r="Q1" s="112"/>
      <c r="R1" s="112"/>
      <c r="S1" s="112"/>
    </row>
    <row r="2" spans="1:20" s="60" customFormat="1" ht="19.5" customHeight="1" x14ac:dyDescent="0.4">
      <c r="A2" s="96" t="s">
        <v>57</v>
      </c>
      <c r="B2" s="111"/>
      <c r="C2" s="111"/>
      <c r="D2" s="111"/>
      <c r="E2" s="98" t="s">
        <v>82</v>
      </c>
      <c r="F2" s="97"/>
      <c r="G2" s="97"/>
      <c r="H2" s="97"/>
      <c r="I2" s="97"/>
      <c r="J2" s="97"/>
      <c r="K2" s="97"/>
      <c r="L2" s="97"/>
      <c r="M2" s="97"/>
      <c r="N2" s="97"/>
      <c r="O2" s="97"/>
      <c r="P2" s="97"/>
      <c r="Q2" s="97"/>
      <c r="R2" s="97"/>
      <c r="S2" s="97"/>
      <c r="T2" s="93" t="s">
        <v>55</v>
      </c>
    </row>
    <row r="3" spans="1:20" s="60" customFormat="1" ht="19.5" customHeight="1" x14ac:dyDescent="0.4">
      <c r="A3" s="96"/>
      <c r="B3" s="111"/>
      <c r="C3" s="111"/>
      <c r="D3" s="111"/>
      <c r="E3" s="104" t="s">
        <v>54</v>
      </c>
      <c r="F3" s="110"/>
      <c r="G3" s="102"/>
      <c r="H3" s="98" t="s">
        <v>53</v>
      </c>
      <c r="I3" s="97"/>
      <c r="J3" s="97"/>
      <c r="K3" s="97"/>
      <c r="L3" s="97"/>
      <c r="M3" s="97"/>
      <c r="N3" s="97"/>
      <c r="O3" s="97"/>
      <c r="P3" s="96"/>
      <c r="Q3" s="109" t="s">
        <v>52</v>
      </c>
      <c r="R3" s="108"/>
      <c r="S3" s="108"/>
      <c r="T3" s="92"/>
    </row>
    <row r="4" spans="1:20" s="60" customFormat="1" ht="19.5" customHeight="1" x14ac:dyDescent="0.4">
      <c r="A4" s="102"/>
      <c r="B4" s="99"/>
      <c r="C4" s="99"/>
      <c r="D4" s="99"/>
      <c r="E4" s="99" t="s">
        <v>49</v>
      </c>
      <c r="F4" s="104" t="s">
        <v>48</v>
      </c>
      <c r="G4" s="107"/>
      <c r="H4" s="93" t="s">
        <v>51</v>
      </c>
      <c r="I4" s="106"/>
      <c r="J4" s="105"/>
      <c r="K4" s="93" t="s">
        <v>50</v>
      </c>
      <c r="L4" s="97"/>
      <c r="M4" s="97"/>
      <c r="N4" s="97"/>
      <c r="O4" s="97"/>
      <c r="P4" s="96"/>
      <c r="Q4" s="100" t="s">
        <v>49</v>
      </c>
      <c r="R4" s="104" t="s">
        <v>48</v>
      </c>
      <c r="S4" s="103"/>
      <c r="T4" s="92"/>
    </row>
    <row r="5" spans="1:20" s="60" customFormat="1" ht="19.5" customHeight="1" x14ac:dyDescent="0.4">
      <c r="A5" s="102"/>
      <c r="B5" s="99"/>
      <c r="C5" s="99"/>
      <c r="D5" s="99"/>
      <c r="E5" s="101"/>
      <c r="F5" s="94"/>
      <c r="G5" s="100" t="s">
        <v>47</v>
      </c>
      <c r="H5" s="92"/>
      <c r="I5" s="99" t="s">
        <v>46</v>
      </c>
      <c r="J5" s="99" t="s">
        <v>45</v>
      </c>
      <c r="K5" s="92"/>
      <c r="L5" s="99" t="s">
        <v>46</v>
      </c>
      <c r="M5" s="99" t="s">
        <v>45</v>
      </c>
      <c r="N5" s="98" t="s">
        <v>44</v>
      </c>
      <c r="O5" s="97"/>
      <c r="P5" s="96"/>
      <c r="Q5" s="95"/>
      <c r="R5" s="94"/>
      <c r="S5" s="93" t="s">
        <v>43</v>
      </c>
      <c r="T5" s="92"/>
    </row>
    <row r="6" spans="1:20" s="60" customFormat="1" ht="19.5" customHeight="1" thickBot="1" x14ac:dyDescent="0.45">
      <c r="A6" s="91"/>
      <c r="B6" s="90"/>
      <c r="C6" s="90"/>
      <c r="D6" s="90"/>
      <c r="E6" s="89"/>
      <c r="F6" s="86"/>
      <c r="G6" s="87"/>
      <c r="H6" s="85"/>
      <c r="I6" s="89"/>
      <c r="J6" s="89"/>
      <c r="K6" s="85"/>
      <c r="L6" s="89"/>
      <c r="M6" s="89"/>
      <c r="N6" s="88" t="s">
        <v>42</v>
      </c>
      <c r="O6" s="88" t="s">
        <v>41</v>
      </c>
      <c r="P6" s="88" t="s">
        <v>40</v>
      </c>
      <c r="Q6" s="87"/>
      <c r="R6" s="86"/>
      <c r="S6" s="85"/>
      <c r="T6" s="85"/>
    </row>
    <row r="7" spans="1:20" s="77" customFormat="1" ht="21" customHeight="1" thickTop="1" x14ac:dyDescent="0.4">
      <c r="A7" s="84" t="s">
        <v>38</v>
      </c>
      <c r="B7" s="83" t="s">
        <v>39</v>
      </c>
      <c r="C7" s="83"/>
      <c r="D7" s="82"/>
      <c r="E7" s="80">
        <v>5735</v>
      </c>
      <c r="F7" s="80">
        <v>5291</v>
      </c>
      <c r="G7" s="81">
        <v>-7.7</v>
      </c>
      <c r="H7" s="80">
        <v>40315</v>
      </c>
      <c r="I7" s="80">
        <v>21921</v>
      </c>
      <c r="J7" s="80">
        <v>18347</v>
      </c>
      <c r="K7" s="80">
        <v>40883</v>
      </c>
      <c r="L7" s="80">
        <v>22364</v>
      </c>
      <c r="M7" s="80">
        <v>18410</v>
      </c>
      <c r="N7" s="79">
        <v>1.4</v>
      </c>
      <c r="O7" s="79">
        <v>2</v>
      </c>
      <c r="P7" s="79">
        <v>0.3</v>
      </c>
      <c r="Q7" s="79">
        <v>7</v>
      </c>
      <c r="R7" s="79">
        <v>7.7</v>
      </c>
      <c r="S7" s="79">
        <v>0.7</v>
      </c>
      <c r="T7" s="78" t="s">
        <v>38</v>
      </c>
    </row>
    <row r="8" spans="1:20" s="62" customFormat="1" ht="18.75" customHeight="1" x14ac:dyDescent="0.4">
      <c r="A8" s="76" t="s">
        <v>36</v>
      </c>
      <c r="B8" s="75" t="s">
        <v>37</v>
      </c>
      <c r="C8" s="75"/>
      <c r="D8" s="74"/>
      <c r="E8" s="72" t="s">
        <v>34</v>
      </c>
      <c r="F8" s="72">
        <v>1</v>
      </c>
      <c r="G8" s="73" t="s">
        <v>34</v>
      </c>
      <c r="H8" s="72" t="s">
        <v>34</v>
      </c>
      <c r="I8" s="72" t="s">
        <v>34</v>
      </c>
      <c r="J8" s="72" t="s">
        <v>34</v>
      </c>
      <c r="K8" s="72">
        <v>3</v>
      </c>
      <c r="L8" s="72">
        <v>3</v>
      </c>
      <c r="M8" s="72" t="s">
        <v>34</v>
      </c>
      <c r="N8" s="71" t="s">
        <v>34</v>
      </c>
      <c r="O8" s="71" t="s">
        <v>34</v>
      </c>
      <c r="P8" s="71" t="s">
        <v>34</v>
      </c>
      <c r="Q8" s="71" t="s">
        <v>34</v>
      </c>
      <c r="R8" s="71">
        <v>3</v>
      </c>
      <c r="S8" s="71">
        <v>3</v>
      </c>
      <c r="T8" s="70" t="s">
        <v>36</v>
      </c>
    </row>
    <row r="9" spans="1:20" s="62" customFormat="1" ht="18.75" customHeight="1" x14ac:dyDescent="0.4">
      <c r="A9" s="76" t="s">
        <v>33</v>
      </c>
      <c r="B9" s="75" t="s">
        <v>35</v>
      </c>
      <c r="C9" s="75"/>
      <c r="D9" s="74"/>
      <c r="E9" s="72" t="s">
        <v>34</v>
      </c>
      <c r="F9" s="72" t="s">
        <v>34</v>
      </c>
      <c r="G9" s="73" t="s">
        <v>34</v>
      </c>
      <c r="H9" s="72" t="s">
        <v>34</v>
      </c>
      <c r="I9" s="72" t="s">
        <v>34</v>
      </c>
      <c r="J9" s="72" t="s">
        <v>34</v>
      </c>
      <c r="K9" s="72" t="s">
        <v>34</v>
      </c>
      <c r="L9" s="72" t="s">
        <v>34</v>
      </c>
      <c r="M9" s="72" t="s">
        <v>34</v>
      </c>
      <c r="N9" s="71" t="s">
        <v>34</v>
      </c>
      <c r="O9" s="71" t="s">
        <v>34</v>
      </c>
      <c r="P9" s="71" t="s">
        <v>34</v>
      </c>
      <c r="Q9" s="71" t="s">
        <v>34</v>
      </c>
      <c r="R9" s="71" t="s">
        <v>34</v>
      </c>
      <c r="S9" s="71" t="s">
        <v>34</v>
      </c>
      <c r="T9" s="70" t="s">
        <v>33</v>
      </c>
    </row>
    <row r="10" spans="1:20" s="62" customFormat="1" ht="18.75" customHeight="1" x14ac:dyDescent="0.4">
      <c r="A10" s="76" t="s">
        <v>31</v>
      </c>
      <c r="B10" s="75" t="s">
        <v>32</v>
      </c>
      <c r="C10" s="75"/>
      <c r="D10" s="74"/>
      <c r="E10" s="72" t="s">
        <v>34</v>
      </c>
      <c r="F10" s="72" t="s">
        <v>34</v>
      </c>
      <c r="G10" s="73" t="s">
        <v>34</v>
      </c>
      <c r="H10" s="72" t="s">
        <v>34</v>
      </c>
      <c r="I10" s="72" t="s">
        <v>34</v>
      </c>
      <c r="J10" s="72" t="s">
        <v>34</v>
      </c>
      <c r="K10" s="72" t="s">
        <v>34</v>
      </c>
      <c r="L10" s="72" t="s">
        <v>34</v>
      </c>
      <c r="M10" s="72" t="s">
        <v>34</v>
      </c>
      <c r="N10" s="71" t="s">
        <v>34</v>
      </c>
      <c r="O10" s="71" t="s">
        <v>34</v>
      </c>
      <c r="P10" s="71" t="s">
        <v>34</v>
      </c>
      <c r="Q10" s="71" t="s">
        <v>34</v>
      </c>
      <c r="R10" s="71" t="s">
        <v>34</v>
      </c>
      <c r="S10" s="71" t="s">
        <v>34</v>
      </c>
      <c r="T10" s="70" t="s">
        <v>31</v>
      </c>
    </row>
    <row r="11" spans="1:20" s="62" customFormat="1" ht="18.75" customHeight="1" x14ac:dyDescent="0.4">
      <c r="A11" s="76" t="s">
        <v>29</v>
      </c>
      <c r="B11" s="75" t="s">
        <v>30</v>
      </c>
      <c r="C11" s="75"/>
      <c r="D11" s="74"/>
      <c r="E11" s="72">
        <v>249</v>
      </c>
      <c r="F11" s="72">
        <v>235</v>
      </c>
      <c r="G11" s="73">
        <v>-5.6</v>
      </c>
      <c r="H11" s="72">
        <v>1768</v>
      </c>
      <c r="I11" s="72">
        <v>1454</v>
      </c>
      <c r="J11" s="72">
        <v>314</v>
      </c>
      <c r="K11" s="72">
        <v>1793</v>
      </c>
      <c r="L11" s="72">
        <v>1478</v>
      </c>
      <c r="M11" s="72">
        <v>288</v>
      </c>
      <c r="N11" s="71">
        <v>1.4</v>
      </c>
      <c r="O11" s="71">
        <v>1.7</v>
      </c>
      <c r="P11" s="71">
        <v>-8.3000000000000007</v>
      </c>
      <c r="Q11" s="71">
        <v>7.1</v>
      </c>
      <c r="R11" s="71">
        <v>7.6</v>
      </c>
      <c r="S11" s="71">
        <v>0.5</v>
      </c>
      <c r="T11" s="70" t="s">
        <v>29</v>
      </c>
    </row>
    <row r="12" spans="1:20" s="62" customFormat="1" ht="18.75" customHeight="1" x14ac:dyDescent="0.4">
      <c r="A12" s="76" t="s">
        <v>27</v>
      </c>
      <c r="B12" s="75" t="s">
        <v>28</v>
      </c>
      <c r="C12" s="75"/>
      <c r="D12" s="74"/>
      <c r="E12" s="72">
        <v>664</v>
      </c>
      <c r="F12" s="72">
        <v>610</v>
      </c>
      <c r="G12" s="73">
        <v>-8.1</v>
      </c>
      <c r="H12" s="72">
        <v>6314</v>
      </c>
      <c r="I12" s="72">
        <v>4281</v>
      </c>
      <c r="J12" s="72">
        <v>2033</v>
      </c>
      <c r="K12" s="72">
        <v>6160</v>
      </c>
      <c r="L12" s="72">
        <v>4379</v>
      </c>
      <c r="M12" s="72">
        <v>1773</v>
      </c>
      <c r="N12" s="71">
        <v>-2.4</v>
      </c>
      <c r="O12" s="71">
        <v>2.2999999999999998</v>
      </c>
      <c r="P12" s="71">
        <v>-12.8</v>
      </c>
      <c r="Q12" s="71">
        <v>9.5</v>
      </c>
      <c r="R12" s="71">
        <v>10.1</v>
      </c>
      <c r="S12" s="71">
        <v>0.6</v>
      </c>
      <c r="T12" s="70" t="s">
        <v>27</v>
      </c>
    </row>
    <row r="13" spans="1:20" s="62" customFormat="1" ht="18.75" customHeight="1" x14ac:dyDescent="0.4">
      <c r="A13" s="76" t="s">
        <v>25</v>
      </c>
      <c r="B13" s="75" t="s">
        <v>26</v>
      </c>
      <c r="C13" s="75"/>
      <c r="D13" s="74"/>
      <c r="E13" s="72" t="s">
        <v>34</v>
      </c>
      <c r="F13" s="72" t="s">
        <v>34</v>
      </c>
      <c r="G13" s="73" t="s">
        <v>34</v>
      </c>
      <c r="H13" s="72" t="s">
        <v>34</v>
      </c>
      <c r="I13" s="72" t="s">
        <v>34</v>
      </c>
      <c r="J13" s="72" t="s">
        <v>34</v>
      </c>
      <c r="K13" s="72" t="s">
        <v>34</v>
      </c>
      <c r="L13" s="72" t="s">
        <v>34</v>
      </c>
      <c r="M13" s="72" t="s">
        <v>34</v>
      </c>
      <c r="N13" s="71" t="s">
        <v>34</v>
      </c>
      <c r="O13" s="71" t="s">
        <v>34</v>
      </c>
      <c r="P13" s="71" t="s">
        <v>34</v>
      </c>
      <c r="Q13" s="71" t="s">
        <v>34</v>
      </c>
      <c r="R13" s="71" t="s">
        <v>34</v>
      </c>
      <c r="S13" s="71" t="s">
        <v>34</v>
      </c>
      <c r="T13" s="70" t="s">
        <v>25</v>
      </c>
    </row>
    <row r="14" spans="1:20" s="62" customFormat="1" ht="18.75" customHeight="1" x14ac:dyDescent="0.4">
      <c r="A14" s="76" t="s">
        <v>23</v>
      </c>
      <c r="B14" s="75" t="s">
        <v>24</v>
      </c>
      <c r="C14" s="75"/>
      <c r="D14" s="74"/>
      <c r="E14" s="72">
        <v>10</v>
      </c>
      <c r="F14" s="72">
        <v>7</v>
      </c>
      <c r="G14" s="73">
        <v>-30</v>
      </c>
      <c r="H14" s="72">
        <v>120</v>
      </c>
      <c r="I14" s="72">
        <v>81</v>
      </c>
      <c r="J14" s="72">
        <v>39</v>
      </c>
      <c r="K14" s="72">
        <v>59</v>
      </c>
      <c r="L14" s="72">
        <v>30</v>
      </c>
      <c r="M14" s="72">
        <v>29</v>
      </c>
      <c r="N14" s="71">
        <v>-50.8</v>
      </c>
      <c r="O14" s="71">
        <v>-63</v>
      </c>
      <c r="P14" s="71">
        <v>-25.6</v>
      </c>
      <c r="Q14" s="71">
        <v>12</v>
      </c>
      <c r="R14" s="71">
        <v>8.4</v>
      </c>
      <c r="S14" s="71">
        <v>-3.6</v>
      </c>
      <c r="T14" s="70" t="s">
        <v>23</v>
      </c>
    </row>
    <row r="15" spans="1:20" s="62" customFormat="1" ht="18.75" customHeight="1" x14ac:dyDescent="0.4">
      <c r="A15" s="76" t="s">
        <v>21</v>
      </c>
      <c r="B15" s="75" t="s">
        <v>22</v>
      </c>
      <c r="C15" s="75"/>
      <c r="D15" s="74"/>
      <c r="E15" s="72">
        <v>71</v>
      </c>
      <c r="F15" s="72">
        <v>76</v>
      </c>
      <c r="G15" s="73">
        <v>7</v>
      </c>
      <c r="H15" s="72">
        <v>1991</v>
      </c>
      <c r="I15" s="72">
        <v>1823</v>
      </c>
      <c r="J15" s="72">
        <v>168</v>
      </c>
      <c r="K15" s="72">
        <v>2297</v>
      </c>
      <c r="L15" s="72">
        <v>1987</v>
      </c>
      <c r="M15" s="72">
        <v>310</v>
      </c>
      <c r="N15" s="71">
        <v>15.4</v>
      </c>
      <c r="O15" s="71">
        <v>9</v>
      </c>
      <c r="P15" s="71">
        <v>84.5</v>
      </c>
      <c r="Q15" s="71">
        <v>28</v>
      </c>
      <c r="R15" s="71">
        <v>30.2</v>
      </c>
      <c r="S15" s="71">
        <v>2.2000000000000002</v>
      </c>
      <c r="T15" s="70" t="s">
        <v>21</v>
      </c>
    </row>
    <row r="16" spans="1:20" s="62" customFormat="1" ht="18.75" customHeight="1" x14ac:dyDescent="0.4">
      <c r="A16" s="76" t="s">
        <v>19</v>
      </c>
      <c r="B16" s="75" t="s">
        <v>20</v>
      </c>
      <c r="C16" s="75"/>
      <c r="D16" s="74"/>
      <c r="E16" s="72">
        <v>1534</v>
      </c>
      <c r="F16" s="72">
        <v>1364</v>
      </c>
      <c r="G16" s="73">
        <v>-11.1</v>
      </c>
      <c r="H16" s="72">
        <v>9433</v>
      </c>
      <c r="I16" s="72">
        <v>5134</v>
      </c>
      <c r="J16" s="72">
        <v>4287</v>
      </c>
      <c r="K16" s="72">
        <v>9691</v>
      </c>
      <c r="L16" s="72">
        <v>5500</v>
      </c>
      <c r="M16" s="72">
        <v>4191</v>
      </c>
      <c r="N16" s="71">
        <v>2.7</v>
      </c>
      <c r="O16" s="71">
        <v>7.1</v>
      </c>
      <c r="P16" s="71">
        <v>-2.2000000000000002</v>
      </c>
      <c r="Q16" s="71">
        <v>6.1</v>
      </c>
      <c r="R16" s="71">
        <v>7.1</v>
      </c>
      <c r="S16" s="71">
        <v>1</v>
      </c>
      <c r="T16" s="70" t="s">
        <v>19</v>
      </c>
    </row>
    <row r="17" spans="1:20" s="62" customFormat="1" ht="18.75" customHeight="1" x14ac:dyDescent="0.4">
      <c r="A17" s="76" t="s">
        <v>17</v>
      </c>
      <c r="B17" s="75" t="s">
        <v>18</v>
      </c>
      <c r="C17" s="75"/>
      <c r="D17" s="74"/>
      <c r="E17" s="72">
        <v>44</v>
      </c>
      <c r="F17" s="72">
        <v>39</v>
      </c>
      <c r="G17" s="73">
        <v>-11.4</v>
      </c>
      <c r="H17" s="72">
        <v>408</v>
      </c>
      <c r="I17" s="72">
        <v>206</v>
      </c>
      <c r="J17" s="72">
        <v>202</v>
      </c>
      <c r="K17" s="72">
        <v>452</v>
      </c>
      <c r="L17" s="72">
        <v>213</v>
      </c>
      <c r="M17" s="72">
        <v>239</v>
      </c>
      <c r="N17" s="71">
        <v>10.8</v>
      </c>
      <c r="O17" s="71">
        <v>3.4</v>
      </c>
      <c r="P17" s="71">
        <v>18.3</v>
      </c>
      <c r="Q17" s="71">
        <v>9.3000000000000007</v>
      </c>
      <c r="R17" s="71">
        <v>11.6</v>
      </c>
      <c r="S17" s="71">
        <v>2.2999999999999998</v>
      </c>
      <c r="T17" s="70" t="s">
        <v>17</v>
      </c>
    </row>
    <row r="18" spans="1:20" s="62" customFormat="1" ht="18.75" customHeight="1" x14ac:dyDescent="0.4">
      <c r="A18" s="76" t="s">
        <v>15</v>
      </c>
      <c r="B18" s="75" t="s">
        <v>16</v>
      </c>
      <c r="C18" s="75"/>
      <c r="D18" s="74"/>
      <c r="E18" s="72">
        <v>614</v>
      </c>
      <c r="F18" s="72">
        <v>545</v>
      </c>
      <c r="G18" s="73">
        <v>-11.2</v>
      </c>
      <c r="H18" s="72">
        <v>1728</v>
      </c>
      <c r="I18" s="72">
        <v>1014</v>
      </c>
      <c r="J18" s="72">
        <v>714</v>
      </c>
      <c r="K18" s="72">
        <v>1421</v>
      </c>
      <c r="L18" s="72">
        <v>821</v>
      </c>
      <c r="M18" s="72">
        <v>600</v>
      </c>
      <c r="N18" s="71">
        <v>-17.8</v>
      </c>
      <c r="O18" s="71">
        <v>-19</v>
      </c>
      <c r="P18" s="71">
        <v>-16</v>
      </c>
      <c r="Q18" s="71">
        <v>2.8</v>
      </c>
      <c r="R18" s="71">
        <v>2.6</v>
      </c>
      <c r="S18" s="71">
        <v>-0.2</v>
      </c>
      <c r="T18" s="70" t="s">
        <v>15</v>
      </c>
    </row>
    <row r="19" spans="1:20" s="62" customFormat="1" ht="18.75" customHeight="1" x14ac:dyDescent="0.4">
      <c r="A19" s="76" t="s">
        <v>13</v>
      </c>
      <c r="B19" s="75" t="s">
        <v>14</v>
      </c>
      <c r="C19" s="75"/>
      <c r="D19" s="74"/>
      <c r="E19" s="72">
        <v>56</v>
      </c>
      <c r="F19" s="72">
        <v>55</v>
      </c>
      <c r="G19" s="73">
        <v>-1.8</v>
      </c>
      <c r="H19" s="72">
        <v>278</v>
      </c>
      <c r="I19" s="72">
        <v>185</v>
      </c>
      <c r="J19" s="72">
        <v>93</v>
      </c>
      <c r="K19" s="72">
        <v>240</v>
      </c>
      <c r="L19" s="72">
        <v>151</v>
      </c>
      <c r="M19" s="72">
        <v>89</v>
      </c>
      <c r="N19" s="71">
        <v>-13.7</v>
      </c>
      <c r="O19" s="71">
        <v>-18.399999999999999</v>
      </c>
      <c r="P19" s="71">
        <v>-4.3</v>
      </c>
      <c r="Q19" s="71">
        <v>5</v>
      </c>
      <c r="R19" s="71">
        <v>4.4000000000000004</v>
      </c>
      <c r="S19" s="71">
        <v>-0.6</v>
      </c>
      <c r="T19" s="70" t="s">
        <v>13</v>
      </c>
    </row>
    <row r="20" spans="1:20" s="62" customFormat="1" ht="18.75" customHeight="1" x14ac:dyDescent="0.4">
      <c r="A20" s="76" t="s">
        <v>11</v>
      </c>
      <c r="B20" s="75" t="s">
        <v>12</v>
      </c>
      <c r="C20" s="75"/>
      <c r="D20" s="74"/>
      <c r="E20" s="72">
        <v>1270</v>
      </c>
      <c r="F20" s="72">
        <v>1127</v>
      </c>
      <c r="G20" s="73">
        <v>-11.3</v>
      </c>
      <c r="H20" s="72">
        <v>6025</v>
      </c>
      <c r="I20" s="72">
        <v>2439</v>
      </c>
      <c r="J20" s="72">
        <v>3551</v>
      </c>
      <c r="K20" s="72">
        <v>4613</v>
      </c>
      <c r="L20" s="72">
        <v>1902</v>
      </c>
      <c r="M20" s="72">
        <v>2698</v>
      </c>
      <c r="N20" s="71">
        <v>-23.4</v>
      </c>
      <c r="O20" s="71">
        <v>-22</v>
      </c>
      <c r="P20" s="71">
        <v>-24</v>
      </c>
      <c r="Q20" s="71">
        <v>4.7</v>
      </c>
      <c r="R20" s="71">
        <v>4.0999999999999996</v>
      </c>
      <c r="S20" s="71">
        <v>-0.6</v>
      </c>
      <c r="T20" s="70" t="s">
        <v>11</v>
      </c>
    </row>
    <row r="21" spans="1:20" s="62" customFormat="1" ht="18.75" customHeight="1" x14ac:dyDescent="0.4">
      <c r="A21" s="76" t="s">
        <v>9</v>
      </c>
      <c r="B21" s="75" t="s">
        <v>10</v>
      </c>
      <c r="C21" s="75"/>
      <c r="D21" s="74"/>
      <c r="E21" s="72">
        <v>456</v>
      </c>
      <c r="F21" s="72">
        <v>395</v>
      </c>
      <c r="G21" s="73">
        <v>-13.4</v>
      </c>
      <c r="H21" s="72">
        <v>1764</v>
      </c>
      <c r="I21" s="72">
        <v>922</v>
      </c>
      <c r="J21" s="72">
        <v>842</v>
      </c>
      <c r="K21" s="72">
        <v>1437</v>
      </c>
      <c r="L21" s="72">
        <v>752</v>
      </c>
      <c r="M21" s="72">
        <v>685</v>
      </c>
      <c r="N21" s="71">
        <v>-18.5</v>
      </c>
      <c r="O21" s="71">
        <v>-18.399999999999999</v>
      </c>
      <c r="P21" s="71">
        <v>-18.600000000000001</v>
      </c>
      <c r="Q21" s="71">
        <v>3.9</v>
      </c>
      <c r="R21" s="71">
        <v>3.6</v>
      </c>
      <c r="S21" s="71">
        <v>-0.3</v>
      </c>
      <c r="T21" s="70" t="s">
        <v>9</v>
      </c>
    </row>
    <row r="22" spans="1:20" s="62" customFormat="1" ht="18.75" customHeight="1" x14ac:dyDescent="0.4">
      <c r="A22" s="76" t="s">
        <v>7</v>
      </c>
      <c r="B22" s="75" t="s">
        <v>8</v>
      </c>
      <c r="C22" s="75"/>
      <c r="D22" s="74"/>
      <c r="E22" s="72">
        <v>60</v>
      </c>
      <c r="F22" s="72">
        <v>52</v>
      </c>
      <c r="G22" s="73">
        <v>-13.3</v>
      </c>
      <c r="H22" s="72">
        <v>225</v>
      </c>
      <c r="I22" s="72">
        <v>99</v>
      </c>
      <c r="J22" s="72">
        <v>126</v>
      </c>
      <c r="K22" s="72">
        <v>272</v>
      </c>
      <c r="L22" s="72">
        <v>120</v>
      </c>
      <c r="M22" s="72">
        <v>152</v>
      </c>
      <c r="N22" s="71">
        <v>20.9</v>
      </c>
      <c r="O22" s="71">
        <v>21.2</v>
      </c>
      <c r="P22" s="71">
        <v>20.6</v>
      </c>
      <c r="Q22" s="71">
        <v>3.8</v>
      </c>
      <c r="R22" s="71">
        <v>5.2</v>
      </c>
      <c r="S22" s="71">
        <v>1.4</v>
      </c>
      <c r="T22" s="70" t="s">
        <v>7</v>
      </c>
    </row>
    <row r="23" spans="1:20" s="62" customFormat="1" ht="18.75" customHeight="1" x14ac:dyDescent="0.4">
      <c r="A23" s="76" t="s">
        <v>5</v>
      </c>
      <c r="B23" s="75" t="s">
        <v>6</v>
      </c>
      <c r="C23" s="75"/>
      <c r="D23" s="74"/>
      <c r="E23" s="72">
        <v>476</v>
      </c>
      <c r="F23" s="72">
        <v>568</v>
      </c>
      <c r="G23" s="73">
        <v>19.3</v>
      </c>
      <c r="H23" s="72">
        <v>8180</v>
      </c>
      <c r="I23" s="72">
        <v>2971</v>
      </c>
      <c r="J23" s="72">
        <v>5209</v>
      </c>
      <c r="K23" s="72">
        <v>8747</v>
      </c>
      <c r="L23" s="72">
        <v>2826</v>
      </c>
      <c r="M23" s="72">
        <v>5863</v>
      </c>
      <c r="N23" s="71">
        <v>6.9</v>
      </c>
      <c r="O23" s="71">
        <v>-4.9000000000000004</v>
      </c>
      <c r="P23" s="71">
        <v>12.6</v>
      </c>
      <c r="Q23" s="71">
        <v>17.2</v>
      </c>
      <c r="R23" s="71">
        <v>15.4</v>
      </c>
      <c r="S23" s="71">
        <v>-1.8</v>
      </c>
      <c r="T23" s="70" t="s">
        <v>5</v>
      </c>
    </row>
    <row r="24" spans="1:20" s="62" customFormat="1" ht="18.75" customHeight="1" x14ac:dyDescent="0.4">
      <c r="A24" s="76" t="s">
        <v>3</v>
      </c>
      <c r="B24" s="75" t="s">
        <v>4</v>
      </c>
      <c r="C24" s="75"/>
      <c r="D24" s="74"/>
      <c r="E24" s="72">
        <v>19</v>
      </c>
      <c r="F24" s="72">
        <v>17</v>
      </c>
      <c r="G24" s="73">
        <v>-10.5</v>
      </c>
      <c r="H24" s="72">
        <v>157</v>
      </c>
      <c r="I24" s="72">
        <v>89</v>
      </c>
      <c r="J24" s="72">
        <v>68</v>
      </c>
      <c r="K24" s="72">
        <v>280</v>
      </c>
      <c r="L24" s="72">
        <v>197</v>
      </c>
      <c r="M24" s="72">
        <v>83</v>
      </c>
      <c r="N24" s="71">
        <v>78.3</v>
      </c>
      <c r="O24" s="71">
        <v>121.3</v>
      </c>
      <c r="P24" s="71">
        <v>22.1</v>
      </c>
      <c r="Q24" s="71">
        <v>8.3000000000000007</v>
      </c>
      <c r="R24" s="71">
        <v>16.5</v>
      </c>
      <c r="S24" s="71">
        <v>8.1999999999999993</v>
      </c>
      <c r="T24" s="70" t="s">
        <v>3</v>
      </c>
    </row>
    <row r="25" spans="1:20" s="62" customFormat="1" ht="18.75" customHeight="1" x14ac:dyDescent="0.4">
      <c r="A25" s="69" t="s">
        <v>1</v>
      </c>
      <c r="B25" s="68" t="s">
        <v>2</v>
      </c>
      <c r="C25" s="68"/>
      <c r="D25" s="67"/>
      <c r="E25" s="65">
        <v>212</v>
      </c>
      <c r="F25" s="65">
        <v>200</v>
      </c>
      <c r="G25" s="66">
        <v>-5.7</v>
      </c>
      <c r="H25" s="65">
        <v>1924</v>
      </c>
      <c r="I25" s="65">
        <v>1223</v>
      </c>
      <c r="J25" s="65">
        <v>701</v>
      </c>
      <c r="K25" s="65">
        <v>3418</v>
      </c>
      <c r="L25" s="65">
        <v>2005</v>
      </c>
      <c r="M25" s="65">
        <v>1410</v>
      </c>
      <c r="N25" s="64">
        <v>77.7</v>
      </c>
      <c r="O25" s="64">
        <v>63.9</v>
      </c>
      <c r="P25" s="64">
        <v>101.1</v>
      </c>
      <c r="Q25" s="64">
        <v>9.1</v>
      </c>
      <c r="R25" s="64">
        <v>17.100000000000001</v>
      </c>
      <c r="S25" s="64">
        <v>8</v>
      </c>
      <c r="T25" s="63" t="s">
        <v>1</v>
      </c>
    </row>
    <row r="26" spans="1:20" x14ac:dyDescent="0.4">
      <c r="A26" s="5" t="s">
        <v>0</v>
      </c>
      <c r="B26" s="60"/>
      <c r="C26" s="61"/>
      <c r="D26" s="60"/>
      <c r="E26" s="60"/>
      <c r="F26" s="60"/>
      <c r="G26" s="60"/>
      <c r="H26" s="60"/>
      <c r="I26" s="60"/>
      <c r="J26" s="60"/>
      <c r="K26" s="60"/>
      <c r="L26" s="60"/>
      <c r="M26" s="60"/>
      <c r="N26" s="60"/>
      <c r="O26" s="60"/>
      <c r="P26" s="60"/>
      <c r="Q26" s="60"/>
      <c r="R26" s="60"/>
      <c r="S26" s="60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A1:T26"/>
  <sheetViews>
    <sheetView view="pageBreakPreview" zoomScale="85" zoomScaleNormal="70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0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5369</v>
      </c>
      <c r="F7" s="24">
        <v>4981</v>
      </c>
      <c r="G7" s="25">
        <v>-7.2</v>
      </c>
      <c r="H7" s="24">
        <v>44601</v>
      </c>
      <c r="I7" s="24">
        <v>23518</v>
      </c>
      <c r="J7" s="24">
        <v>20987</v>
      </c>
      <c r="K7" s="24">
        <v>43462</v>
      </c>
      <c r="L7" s="24">
        <v>21607</v>
      </c>
      <c r="M7" s="24">
        <v>21665</v>
      </c>
      <c r="N7" s="23">
        <v>-2.6</v>
      </c>
      <c r="O7" s="23">
        <v>-8.1</v>
      </c>
      <c r="P7" s="23">
        <v>3.2</v>
      </c>
      <c r="Q7" s="23">
        <v>8.3000000000000007</v>
      </c>
      <c r="R7" s="23">
        <v>8.6999999999999993</v>
      </c>
      <c r="S7" s="23">
        <v>0.4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1</v>
      </c>
      <c r="F8" s="16">
        <v>2</v>
      </c>
      <c r="G8" s="17">
        <v>100</v>
      </c>
      <c r="H8" s="16">
        <v>1</v>
      </c>
      <c r="I8" s="16">
        <v>1</v>
      </c>
      <c r="J8" s="16" t="s">
        <v>34</v>
      </c>
      <c r="K8" s="16">
        <v>13</v>
      </c>
      <c r="L8" s="16">
        <v>9</v>
      </c>
      <c r="M8" s="16">
        <v>4</v>
      </c>
      <c r="N8" s="15">
        <v>1200</v>
      </c>
      <c r="O8" s="15">
        <v>800</v>
      </c>
      <c r="P8" s="15" t="s">
        <v>34</v>
      </c>
      <c r="Q8" s="15">
        <v>1</v>
      </c>
      <c r="R8" s="15">
        <v>6.5</v>
      </c>
      <c r="S8" s="15">
        <v>5.5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>
        <v>2</v>
      </c>
      <c r="F10" s="16">
        <v>1</v>
      </c>
      <c r="G10" s="17">
        <v>-50</v>
      </c>
      <c r="H10" s="16">
        <v>4</v>
      </c>
      <c r="I10" s="16">
        <v>3</v>
      </c>
      <c r="J10" s="16">
        <v>1</v>
      </c>
      <c r="K10" s="16">
        <v>6</v>
      </c>
      <c r="L10" s="16">
        <v>4</v>
      </c>
      <c r="M10" s="16">
        <v>2</v>
      </c>
      <c r="N10" s="15">
        <v>50</v>
      </c>
      <c r="O10" s="15">
        <v>33.299999999999997</v>
      </c>
      <c r="P10" s="15">
        <v>100</v>
      </c>
      <c r="Q10" s="15">
        <v>2</v>
      </c>
      <c r="R10" s="15">
        <v>6</v>
      </c>
      <c r="S10" s="15">
        <v>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379</v>
      </c>
      <c r="F11" s="16">
        <v>326</v>
      </c>
      <c r="G11" s="17">
        <v>-14</v>
      </c>
      <c r="H11" s="16">
        <v>3165</v>
      </c>
      <c r="I11" s="16">
        <v>2569</v>
      </c>
      <c r="J11" s="16">
        <v>596</v>
      </c>
      <c r="K11" s="16">
        <v>2918</v>
      </c>
      <c r="L11" s="16">
        <v>2351</v>
      </c>
      <c r="M11" s="16">
        <v>557</v>
      </c>
      <c r="N11" s="15">
        <v>-7.8</v>
      </c>
      <c r="O11" s="15">
        <v>-8.5</v>
      </c>
      <c r="P11" s="15">
        <v>-6.5</v>
      </c>
      <c r="Q11" s="15">
        <v>8.4</v>
      </c>
      <c r="R11" s="15">
        <v>9</v>
      </c>
      <c r="S11" s="15">
        <v>0.6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479</v>
      </c>
      <c r="F12" s="16">
        <v>404</v>
      </c>
      <c r="G12" s="17">
        <v>-15.7</v>
      </c>
      <c r="H12" s="16">
        <v>3908</v>
      </c>
      <c r="I12" s="16">
        <v>2381</v>
      </c>
      <c r="J12" s="16">
        <v>1527</v>
      </c>
      <c r="K12" s="16">
        <v>3406</v>
      </c>
      <c r="L12" s="16">
        <v>2062</v>
      </c>
      <c r="M12" s="16">
        <v>1331</v>
      </c>
      <c r="N12" s="15">
        <v>-12.8</v>
      </c>
      <c r="O12" s="15">
        <v>-13.4</v>
      </c>
      <c r="P12" s="15">
        <v>-12.8</v>
      </c>
      <c r="Q12" s="15">
        <v>8.1999999999999993</v>
      </c>
      <c r="R12" s="15">
        <v>8.4</v>
      </c>
      <c r="S12" s="15">
        <v>0.2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 t="s">
        <v>34</v>
      </c>
      <c r="F13" s="16" t="s">
        <v>34</v>
      </c>
      <c r="G13" s="17" t="s">
        <v>34</v>
      </c>
      <c r="H13" s="16" t="s">
        <v>34</v>
      </c>
      <c r="I13" s="16" t="s">
        <v>34</v>
      </c>
      <c r="J13" s="16" t="s">
        <v>34</v>
      </c>
      <c r="K13" s="16" t="s">
        <v>34</v>
      </c>
      <c r="L13" s="16" t="s">
        <v>34</v>
      </c>
      <c r="M13" s="16" t="s">
        <v>34</v>
      </c>
      <c r="N13" s="15" t="s">
        <v>34</v>
      </c>
      <c r="O13" s="15" t="s">
        <v>34</v>
      </c>
      <c r="P13" s="15" t="s">
        <v>34</v>
      </c>
      <c r="Q13" s="15" t="s">
        <v>34</v>
      </c>
      <c r="R13" s="15" t="s">
        <v>34</v>
      </c>
      <c r="S13" s="15" t="s">
        <v>34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79</v>
      </c>
      <c r="F14" s="16">
        <v>74</v>
      </c>
      <c r="G14" s="17">
        <v>-6.3</v>
      </c>
      <c r="H14" s="16">
        <v>1066</v>
      </c>
      <c r="I14" s="16">
        <v>745</v>
      </c>
      <c r="J14" s="16">
        <v>321</v>
      </c>
      <c r="K14" s="16">
        <v>966</v>
      </c>
      <c r="L14" s="16">
        <v>663</v>
      </c>
      <c r="M14" s="16">
        <v>300</v>
      </c>
      <c r="N14" s="15">
        <v>-9.4</v>
      </c>
      <c r="O14" s="15">
        <v>-11</v>
      </c>
      <c r="P14" s="15">
        <v>-6.5</v>
      </c>
      <c r="Q14" s="15">
        <v>13.5</v>
      </c>
      <c r="R14" s="15">
        <v>13.1</v>
      </c>
      <c r="S14" s="15">
        <v>-0.4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110</v>
      </c>
      <c r="F15" s="16">
        <v>85</v>
      </c>
      <c r="G15" s="17">
        <v>-22.7</v>
      </c>
      <c r="H15" s="16">
        <v>1917</v>
      </c>
      <c r="I15" s="16">
        <v>1569</v>
      </c>
      <c r="J15" s="16">
        <v>348</v>
      </c>
      <c r="K15" s="16">
        <v>1628</v>
      </c>
      <c r="L15" s="16">
        <v>1262</v>
      </c>
      <c r="M15" s="16">
        <v>366</v>
      </c>
      <c r="N15" s="15">
        <v>-15.1</v>
      </c>
      <c r="O15" s="15">
        <v>-19.600000000000001</v>
      </c>
      <c r="P15" s="15">
        <v>5.2</v>
      </c>
      <c r="Q15" s="15">
        <v>17.399999999999999</v>
      </c>
      <c r="R15" s="15">
        <v>19.2</v>
      </c>
      <c r="S15" s="15">
        <v>1.8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344</v>
      </c>
      <c r="F16" s="16">
        <v>1217</v>
      </c>
      <c r="G16" s="17">
        <v>-9.4</v>
      </c>
      <c r="H16" s="16">
        <v>10501</v>
      </c>
      <c r="I16" s="16">
        <v>5116</v>
      </c>
      <c r="J16" s="16">
        <v>5358</v>
      </c>
      <c r="K16" s="16">
        <v>10744</v>
      </c>
      <c r="L16" s="16">
        <v>4852</v>
      </c>
      <c r="M16" s="16">
        <v>5855</v>
      </c>
      <c r="N16" s="15">
        <v>2.2999999999999998</v>
      </c>
      <c r="O16" s="15">
        <v>-5.2</v>
      </c>
      <c r="P16" s="15">
        <v>9.3000000000000007</v>
      </c>
      <c r="Q16" s="15">
        <v>7.8</v>
      </c>
      <c r="R16" s="15">
        <v>8.8000000000000007</v>
      </c>
      <c r="S16" s="15">
        <v>1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54</v>
      </c>
      <c r="F17" s="16">
        <v>52</v>
      </c>
      <c r="G17" s="17">
        <v>-3.7</v>
      </c>
      <c r="H17" s="16">
        <v>1067</v>
      </c>
      <c r="I17" s="16">
        <v>410</v>
      </c>
      <c r="J17" s="16">
        <v>657</v>
      </c>
      <c r="K17" s="16">
        <v>830</v>
      </c>
      <c r="L17" s="16">
        <v>288</v>
      </c>
      <c r="M17" s="16">
        <v>542</v>
      </c>
      <c r="N17" s="15">
        <v>-22.2</v>
      </c>
      <c r="O17" s="15">
        <v>-29.8</v>
      </c>
      <c r="P17" s="15">
        <v>-17.5</v>
      </c>
      <c r="Q17" s="15">
        <v>19.8</v>
      </c>
      <c r="R17" s="15">
        <v>16</v>
      </c>
      <c r="S17" s="15">
        <v>-3.8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592</v>
      </c>
      <c r="F18" s="16">
        <v>515</v>
      </c>
      <c r="G18" s="17">
        <v>-13</v>
      </c>
      <c r="H18" s="16">
        <v>2013</v>
      </c>
      <c r="I18" s="16">
        <v>1133</v>
      </c>
      <c r="J18" s="16">
        <v>880</v>
      </c>
      <c r="K18" s="16">
        <v>1957</v>
      </c>
      <c r="L18" s="16">
        <v>1107</v>
      </c>
      <c r="M18" s="16">
        <v>850</v>
      </c>
      <c r="N18" s="15">
        <v>-2.8</v>
      </c>
      <c r="O18" s="15">
        <v>-2.2999999999999998</v>
      </c>
      <c r="P18" s="15">
        <v>-3.4</v>
      </c>
      <c r="Q18" s="15">
        <v>3.4</v>
      </c>
      <c r="R18" s="15">
        <v>3.8</v>
      </c>
      <c r="S18" s="15">
        <v>0.4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97</v>
      </c>
      <c r="F19" s="16">
        <v>182</v>
      </c>
      <c r="G19" s="17">
        <v>-7.6</v>
      </c>
      <c r="H19" s="16">
        <v>960</v>
      </c>
      <c r="I19" s="16">
        <v>613</v>
      </c>
      <c r="J19" s="16">
        <v>347</v>
      </c>
      <c r="K19" s="16">
        <v>890</v>
      </c>
      <c r="L19" s="16">
        <v>520</v>
      </c>
      <c r="M19" s="16">
        <v>367</v>
      </c>
      <c r="N19" s="15">
        <v>-7.3</v>
      </c>
      <c r="O19" s="15">
        <v>-15.2</v>
      </c>
      <c r="P19" s="15">
        <v>5.8</v>
      </c>
      <c r="Q19" s="15">
        <v>4.9000000000000004</v>
      </c>
      <c r="R19" s="15">
        <v>4.9000000000000004</v>
      </c>
      <c r="S19" s="15">
        <v>0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966</v>
      </c>
      <c r="F20" s="16">
        <v>904</v>
      </c>
      <c r="G20" s="17">
        <v>-6.4</v>
      </c>
      <c r="H20" s="16">
        <v>7935</v>
      </c>
      <c r="I20" s="16">
        <v>3601</v>
      </c>
      <c r="J20" s="16">
        <v>4265</v>
      </c>
      <c r="K20" s="16">
        <v>7242</v>
      </c>
      <c r="L20" s="16">
        <v>3510</v>
      </c>
      <c r="M20" s="16">
        <v>3714</v>
      </c>
      <c r="N20" s="15">
        <v>-8.6999999999999993</v>
      </c>
      <c r="O20" s="15">
        <v>-2.5</v>
      </c>
      <c r="P20" s="15">
        <v>-12.9</v>
      </c>
      <c r="Q20" s="15">
        <v>8.1999999999999993</v>
      </c>
      <c r="R20" s="15">
        <v>8</v>
      </c>
      <c r="S20" s="15">
        <v>-0.2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413</v>
      </c>
      <c r="F21" s="16">
        <v>396</v>
      </c>
      <c r="G21" s="17">
        <v>-4.0999999999999996</v>
      </c>
      <c r="H21" s="16">
        <v>2864</v>
      </c>
      <c r="I21" s="16">
        <v>1354</v>
      </c>
      <c r="J21" s="16">
        <v>1510</v>
      </c>
      <c r="K21" s="16">
        <v>2546</v>
      </c>
      <c r="L21" s="16">
        <v>948</v>
      </c>
      <c r="M21" s="16">
        <v>1577</v>
      </c>
      <c r="N21" s="15">
        <v>-11.1</v>
      </c>
      <c r="O21" s="15">
        <v>-30</v>
      </c>
      <c r="P21" s="15">
        <v>4.4000000000000004</v>
      </c>
      <c r="Q21" s="15">
        <v>6.9</v>
      </c>
      <c r="R21" s="15">
        <v>6.4</v>
      </c>
      <c r="S21" s="15">
        <v>-0.5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131</v>
      </c>
      <c r="F22" s="16">
        <v>156</v>
      </c>
      <c r="G22" s="17">
        <v>19.100000000000001</v>
      </c>
      <c r="H22" s="16">
        <v>1165</v>
      </c>
      <c r="I22" s="16">
        <v>531</v>
      </c>
      <c r="J22" s="16">
        <v>634</v>
      </c>
      <c r="K22" s="16">
        <v>1389</v>
      </c>
      <c r="L22" s="16">
        <v>562</v>
      </c>
      <c r="M22" s="16">
        <v>822</v>
      </c>
      <c r="N22" s="15">
        <v>19.2</v>
      </c>
      <c r="O22" s="15">
        <v>5.8</v>
      </c>
      <c r="P22" s="15">
        <v>29.7</v>
      </c>
      <c r="Q22" s="15">
        <v>8.9</v>
      </c>
      <c r="R22" s="15">
        <v>8.9</v>
      </c>
      <c r="S22" s="15">
        <v>0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381</v>
      </c>
      <c r="F23" s="16">
        <v>454</v>
      </c>
      <c r="G23" s="17">
        <v>19.2</v>
      </c>
      <c r="H23" s="16">
        <v>5186</v>
      </c>
      <c r="I23" s="16">
        <v>1697</v>
      </c>
      <c r="J23" s="16">
        <v>3489</v>
      </c>
      <c r="K23" s="16">
        <v>6176</v>
      </c>
      <c r="L23" s="16">
        <v>1915</v>
      </c>
      <c r="M23" s="16">
        <v>4194</v>
      </c>
      <c r="N23" s="15">
        <v>19.100000000000001</v>
      </c>
      <c r="O23" s="15">
        <v>12.8</v>
      </c>
      <c r="P23" s="15">
        <v>20.2</v>
      </c>
      <c r="Q23" s="15">
        <v>13.6</v>
      </c>
      <c r="R23" s="15">
        <v>13.6</v>
      </c>
      <c r="S23" s="15">
        <v>0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4</v>
      </c>
      <c r="F24" s="16">
        <v>14</v>
      </c>
      <c r="G24" s="17">
        <v>0</v>
      </c>
      <c r="H24" s="16">
        <v>117</v>
      </c>
      <c r="I24" s="16">
        <v>56</v>
      </c>
      <c r="J24" s="16">
        <v>61</v>
      </c>
      <c r="K24" s="16">
        <v>97</v>
      </c>
      <c r="L24" s="16">
        <v>34</v>
      </c>
      <c r="M24" s="16">
        <v>63</v>
      </c>
      <c r="N24" s="15">
        <v>-17.100000000000001</v>
      </c>
      <c r="O24" s="15">
        <v>-39.299999999999997</v>
      </c>
      <c r="P24" s="15">
        <v>3.3</v>
      </c>
      <c r="Q24" s="15">
        <v>8.4</v>
      </c>
      <c r="R24" s="15">
        <v>6.9</v>
      </c>
      <c r="S24" s="15">
        <v>-1.5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27</v>
      </c>
      <c r="F25" s="10">
        <v>199</v>
      </c>
      <c r="G25" s="9">
        <v>-12.3</v>
      </c>
      <c r="H25" s="10">
        <v>2732</v>
      </c>
      <c r="I25" s="10">
        <v>1739</v>
      </c>
      <c r="J25" s="10">
        <v>993</v>
      </c>
      <c r="K25" s="10">
        <v>2654</v>
      </c>
      <c r="L25" s="10">
        <v>1520</v>
      </c>
      <c r="M25" s="10">
        <v>1121</v>
      </c>
      <c r="N25" s="8">
        <v>-2.9</v>
      </c>
      <c r="O25" s="8">
        <v>-12.6</v>
      </c>
      <c r="P25" s="8">
        <v>12.9</v>
      </c>
      <c r="Q25" s="8">
        <v>12</v>
      </c>
      <c r="R25" s="8">
        <v>13.3</v>
      </c>
      <c r="S25" s="8">
        <v>1.3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66" fitToHeight="0" orientation="landscape" horizontalDpi="300" verticalDpi="30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>
    <pageSetUpPr fitToPage="1"/>
  </sheetPr>
  <dimension ref="A1:T26"/>
  <sheetViews>
    <sheetView view="pageBreakPreview" zoomScale="85" zoomScaleNormal="70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1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4974</v>
      </c>
      <c r="F7" s="24">
        <v>4861</v>
      </c>
      <c r="G7" s="25">
        <v>-2.2999999999999998</v>
      </c>
      <c r="H7" s="24">
        <v>56036</v>
      </c>
      <c r="I7" s="24">
        <v>35106</v>
      </c>
      <c r="J7" s="24">
        <v>20848</v>
      </c>
      <c r="K7" s="24">
        <v>56374</v>
      </c>
      <c r="L7" s="24">
        <v>34651</v>
      </c>
      <c r="M7" s="24">
        <v>21512</v>
      </c>
      <c r="N7" s="23">
        <v>0.6</v>
      </c>
      <c r="O7" s="23">
        <v>-1.3</v>
      </c>
      <c r="P7" s="23">
        <v>3.2</v>
      </c>
      <c r="Q7" s="23">
        <v>11.3</v>
      </c>
      <c r="R7" s="23">
        <v>11.6</v>
      </c>
      <c r="S7" s="23">
        <v>0.3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 t="s">
        <v>34</v>
      </c>
      <c r="F8" s="16" t="s">
        <v>34</v>
      </c>
      <c r="G8" s="17" t="s">
        <v>34</v>
      </c>
      <c r="H8" s="16" t="s">
        <v>34</v>
      </c>
      <c r="I8" s="16" t="s">
        <v>34</v>
      </c>
      <c r="J8" s="16" t="s">
        <v>34</v>
      </c>
      <c r="K8" s="16" t="s">
        <v>34</v>
      </c>
      <c r="L8" s="16" t="s">
        <v>34</v>
      </c>
      <c r="M8" s="16" t="s">
        <v>34</v>
      </c>
      <c r="N8" s="15" t="s">
        <v>34</v>
      </c>
      <c r="O8" s="15" t="s">
        <v>34</v>
      </c>
      <c r="P8" s="15" t="s">
        <v>34</v>
      </c>
      <c r="Q8" s="15" t="s">
        <v>34</v>
      </c>
      <c r="R8" s="15" t="s">
        <v>34</v>
      </c>
      <c r="S8" s="15" t="s">
        <v>34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189</v>
      </c>
      <c r="F11" s="16">
        <v>195</v>
      </c>
      <c r="G11" s="17">
        <v>3.2</v>
      </c>
      <c r="H11" s="16">
        <v>1950</v>
      </c>
      <c r="I11" s="16">
        <v>1635</v>
      </c>
      <c r="J11" s="16">
        <v>315</v>
      </c>
      <c r="K11" s="16">
        <v>2542</v>
      </c>
      <c r="L11" s="16">
        <v>2018</v>
      </c>
      <c r="M11" s="16">
        <v>524</v>
      </c>
      <c r="N11" s="15">
        <v>30.4</v>
      </c>
      <c r="O11" s="15">
        <v>23.4</v>
      </c>
      <c r="P11" s="15">
        <v>66.3</v>
      </c>
      <c r="Q11" s="15">
        <v>10.3</v>
      </c>
      <c r="R11" s="15">
        <v>13</v>
      </c>
      <c r="S11" s="15">
        <v>2.7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428</v>
      </c>
      <c r="F12" s="16">
        <v>373</v>
      </c>
      <c r="G12" s="17">
        <v>-12.9</v>
      </c>
      <c r="H12" s="16">
        <v>4755</v>
      </c>
      <c r="I12" s="16">
        <v>3235</v>
      </c>
      <c r="J12" s="16">
        <v>1520</v>
      </c>
      <c r="K12" s="16">
        <v>3656</v>
      </c>
      <c r="L12" s="16">
        <v>2493</v>
      </c>
      <c r="M12" s="16">
        <v>1153</v>
      </c>
      <c r="N12" s="15">
        <v>-23.1</v>
      </c>
      <c r="O12" s="15">
        <v>-22.9</v>
      </c>
      <c r="P12" s="15">
        <v>-24.1</v>
      </c>
      <c r="Q12" s="15">
        <v>11.1</v>
      </c>
      <c r="R12" s="15">
        <v>9.8000000000000007</v>
      </c>
      <c r="S12" s="15">
        <v>-1.3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2</v>
      </c>
      <c r="F13" s="16" t="s">
        <v>34</v>
      </c>
      <c r="G13" s="17" t="s">
        <v>34</v>
      </c>
      <c r="H13" s="16">
        <v>165</v>
      </c>
      <c r="I13" s="16">
        <v>158</v>
      </c>
      <c r="J13" s="16">
        <v>7</v>
      </c>
      <c r="K13" s="16" t="s">
        <v>34</v>
      </c>
      <c r="L13" s="16" t="s">
        <v>34</v>
      </c>
      <c r="M13" s="16" t="s">
        <v>34</v>
      </c>
      <c r="N13" s="15" t="s">
        <v>34</v>
      </c>
      <c r="O13" s="15" t="s">
        <v>34</v>
      </c>
      <c r="P13" s="15" t="s">
        <v>34</v>
      </c>
      <c r="Q13" s="15">
        <v>82.5</v>
      </c>
      <c r="R13" s="15" t="s">
        <v>34</v>
      </c>
      <c r="S13" s="15">
        <v>-82.5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139</v>
      </c>
      <c r="F14" s="16">
        <v>126</v>
      </c>
      <c r="G14" s="17">
        <v>-9.4</v>
      </c>
      <c r="H14" s="16">
        <v>4876</v>
      </c>
      <c r="I14" s="16">
        <v>3706</v>
      </c>
      <c r="J14" s="16">
        <v>1170</v>
      </c>
      <c r="K14" s="16">
        <v>3829</v>
      </c>
      <c r="L14" s="16">
        <v>2919</v>
      </c>
      <c r="M14" s="16">
        <v>906</v>
      </c>
      <c r="N14" s="15">
        <v>-21.5</v>
      </c>
      <c r="O14" s="15">
        <v>-21.2</v>
      </c>
      <c r="P14" s="15">
        <v>-22.6</v>
      </c>
      <c r="Q14" s="15">
        <v>35.1</v>
      </c>
      <c r="R14" s="15">
        <v>30.4</v>
      </c>
      <c r="S14" s="15">
        <v>-4.7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91</v>
      </c>
      <c r="F15" s="16">
        <v>97</v>
      </c>
      <c r="G15" s="17">
        <v>6.6</v>
      </c>
      <c r="H15" s="16">
        <v>2771</v>
      </c>
      <c r="I15" s="16">
        <v>2385</v>
      </c>
      <c r="J15" s="16">
        <v>386</v>
      </c>
      <c r="K15" s="16">
        <v>2658</v>
      </c>
      <c r="L15" s="16">
        <v>2264</v>
      </c>
      <c r="M15" s="16">
        <v>394</v>
      </c>
      <c r="N15" s="15">
        <v>-4.0999999999999996</v>
      </c>
      <c r="O15" s="15">
        <v>-5.0999999999999996</v>
      </c>
      <c r="P15" s="15">
        <v>2.1</v>
      </c>
      <c r="Q15" s="15">
        <v>30.5</v>
      </c>
      <c r="R15" s="15">
        <v>27.4</v>
      </c>
      <c r="S15" s="15">
        <v>-3.1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765</v>
      </c>
      <c r="F16" s="16">
        <v>1620</v>
      </c>
      <c r="G16" s="17">
        <v>-8.1999999999999993</v>
      </c>
      <c r="H16" s="16">
        <v>20277</v>
      </c>
      <c r="I16" s="16">
        <v>13449</v>
      </c>
      <c r="J16" s="16">
        <v>6828</v>
      </c>
      <c r="K16" s="16">
        <v>19798</v>
      </c>
      <c r="L16" s="16">
        <v>13032</v>
      </c>
      <c r="M16" s="16">
        <v>6730</v>
      </c>
      <c r="N16" s="15">
        <v>-2.4</v>
      </c>
      <c r="O16" s="15">
        <v>-3.1</v>
      </c>
      <c r="P16" s="15">
        <v>-1.4</v>
      </c>
      <c r="Q16" s="15">
        <v>11.5</v>
      </c>
      <c r="R16" s="15">
        <v>12.2</v>
      </c>
      <c r="S16" s="15">
        <v>0.7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54</v>
      </c>
      <c r="F17" s="16">
        <v>47</v>
      </c>
      <c r="G17" s="17">
        <v>-13</v>
      </c>
      <c r="H17" s="16">
        <v>702</v>
      </c>
      <c r="I17" s="16">
        <v>380</v>
      </c>
      <c r="J17" s="16">
        <v>322</v>
      </c>
      <c r="K17" s="16">
        <v>667</v>
      </c>
      <c r="L17" s="16">
        <v>324</v>
      </c>
      <c r="M17" s="16">
        <v>338</v>
      </c>
      <c r="N17" s="15">
        <v>-5</v>
      </c>
      <c r="O17" s="15">
        <v>-14.7</v>
      </c>
      <c r="P17" s="15">
        <v>5</v>
      </c>
      <c r="Q17" s="15">
        <v>13</v>
      </c>
      <c r="R17" s="15">
        <v>14.2</v>
      </c>
      <c r="S17" s="15">
        <v>1.2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375</v>
      </c>
      <c r="F18" s="16">
        <v>385</v>
      </c>
      <c r="G18" s="17">
        <v>2.7</v>
      </c>
      <c r="H18" s="16">
        <v>1909</v>
      </c>
      <c r="I18" s="16">
        <v>1259</v>
      </c>
      <c r="J18" s="16">
        <v>650</v>
      </c>
      <c r="K18" s="16">
        <v>2201</v>
      </c>
      <c r="L18" s="16">
        <v>1448</v>
      </c>
      <c r="M18" s="16">
        <v>748</v>
      </c>
      <c r="N18" s="15">
        <v>15.3</v>
      </c>
      <c r="O18" s="15">
        <v>15</v>
      </c>
      <c r="P18" s="15">
        <v>15.1</v>
      </c>
      <c r="Q18" s="15">
        <v>5.0999999999999996</v>
      </c>
      <c r="R18" s="15">
        <v>5.7</v>
      </c>
      <c r="S18" s="15">
        <v>0.6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227</v>
      </c>
      <c r="F19" s="16">
        <v>245</v>
      </c>
      <c r="G19" s="17">
        <v>7.9</v>
      </c>
      <c r="H19" s="16">
        <v>1842</v>
      </c>
      <c r="I19" s="16">
        <v>1274</v>
      </c>
      <c r="J19" s="16">
        <v>568</v>
      </c>
      <c r="K19" s="16">
        <v>1454</v>
      </c>
      <c r="L19" s="16">
        <v>1020</v>
      </c>
      <c r="M19" s="16">
        <v>425</v>
      </c>
      <c r="N19" s="15">
        <v>-21.1</v>
      </c>
      <c r="O19" s="15">
        <v>-19.899999999999999</v>
      </c>
      <c r="P19" s="15">
        <v>-25.2</v>
      </c>
      <c r="Q19" s="15">
        <v>8.1</v>
      </c>
      <c r="R19" s="15">
        <v>5.9</v>
      </c>
      <c r="S19" s="15">
        <v>-2.2000000000000002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807</v>
      </c>
      <c r="F20" s="16">
        <v>826</v>
      </c>
      <c r="G20" s="17">
        <v>2.4</v>
      </c>
      <c r="H20" s="16">
        <v>5019</v>
      </c>
      <c r="I20" s="16">
        <v>2335</v>
      </c>
      <c r="J20" s="16">
        <v>2602</v>
      </c>
      <c r="K20" s="16">
        <v>6173</v>
      </c>
      <c r="L20" s="16">
        <v>2726</v>
      </c>
      <c r="M20" s="16">
        <v>3397</v>
      </c>
      <c r="N20" s="15">
        <v>23</v>
      </c>
      <c r="O20" s="15">
        <v>16.7</v>
      </c>
      <c r="P20" s="15">
        <v>30.6</v>
      </c>
      <c r="Q20" s="15">
        <v>6.2</v>
      </c>
      <c r="R20" s="15">
        <v>7.5</v>
      </c>
      <c r="S20" s="15">
        <v>1.3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270</v>
      </c>
      <c r="F21" s="16">
        <v>272</v>
      </c>
      <c r="G21" s="17">
        <v>0.7</v>
      </c>
      <c r="H21" s="16">
        <v>2040</v>
      </c>
      <c r="I21" s="16">
        <v>885</v>
      </c>
      <c r="J21" s="16">
        <v>1155</v>
      </c>
      <c r="K21" s="16">
        <v>1342</v>
      </c>
      <c r="L21" s="16">
        <v>595</v>
      </c>
      <c r="M21" s="16">
        <v>741</v>
      </c>
      <c r="N21" s="15">
        <v>-34.200000000000003</v>
      </c>
      <c r="O21" s="15">
        <v>-32.799999999999997</v>
      </c>
      <c r="P21" s="15">
        <v>-35.799999999999997</v>
      </c>
      <c r="Q21" s="15">
        <v>7.6</v>
      </c>
      <c r="R21" s="15">
        <v>4.9000000000000004</v>
      </c>
      <c r="S21" s="15">
        <v>-2.7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84</v>
      </c>
      <c r="F22" s="16">
        <v>80</v>
      </c>
      <c r="G22" s="17">
        <v>-4.8</v>
      </c>
      <c r="H22" s="16">
        <v>725</v>
      </c>
      <c r="I22" s="16">
        <v>389</v>
      </c>
      <c r="J22" s="16">
        <v>336</v>
      </c>
      <c r="K22" s="16">
        <v>404</v>
      </c>
      <c r="L22" s="16">
        <v>187</v>
      </c>
      <c r="M22" s="16">
        <v>213</v>
      </c>
      <c r="N22" s="15">
        <v>-44.3</v>
      </c>
      <c r="O22" s="15">
        <v>-51.9</v>
      </c>
      <c r="P22" s="15">
        <v>-36.6</v>
      </c>
      <c r="Q22" s="15">
        <v>8.6</v>
      </c>
      <c r="R22" s="15">
        <v>5.0999999999999996</v>
      </c>
      <c r="S22" s="15">
        <v>-3.5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273</v>
      </c>
      <c r="F23" s="16">
        <v>339</v>
      </c>
      <c r="G23" s="17">
        <v>24.2</v>
      </c>
      <c r="H23" s="16">
        <v>4713</v>
      </c>
      <c r="I23" s="16">
        <v>1391</v>
      </c>
      <c r="J23" s="16">
        <v>3322</v>
      </c>
      <c r="K23" s="16">
        <v>6112</v>
      </c>
      <c r="L23" s="16">
        <v>1724</v>
      </c>
      <c r="M23" s="16">
        <v>4362</v>
      </c>
      <c r="N23" s="15">
        <v>29.7</v>
      </c>
      <c r="O23" s="15">
        <v>23.9</v>
      </c>
      <c r="P23" s="15">
        <v>31.3</v>
      </c>
      <c r="Q23" s="15">
        <v>17.3</v>
      </c>
      <c r="R23" s="15">
        <v>18</v>
      </c>
      <c r="S23" s="15">
        <v>0.7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5</v>
      </c>
      <c r="F24" s="16">
        <v>12</v>
      </c>
      <c r="G24" s="17">
        <v>-20</v>
      </c>
      <c r="H24" s="16">
        <v>101</v>
      </c>
      <c r="I24" s="16">
        <v>57</v>
      </c>
      <c r="J24" s="16">
        <v>44</v>
      </c>
      <c r="K24" s="16">
        <v>100</v>
      </c>
      <c r="L24" s="16">
        <v>56</v>
      </c>
      <c r="M24" s="16">
        <v>44</v>
      </c>
      <c r="N24" s="15">
        <v>-1</v>
      </c>
      <c r="O24" s="15">
        <v>-1.8</v>
      </c>
      <c r="P24" s="15">
        <v>0</v>
      </c>
      <c r="Q24" s="15">
        <v>6.7</v>
      </c>
      <c r="R24" s="15">
        <v>8.3000000000000007</v>
      </c>
      <c r="S24" s="15">
        <v>1.6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55</v>
      </c>
      <c r="F25" s="10">
        <v>244</v>
      </c>
      <c r="G25" s="9">
        <v>-4.3</v>
      </c>
      <c r="H25" s="10">
        <v>4191</v>
      </c>
      <c r="I25" s="10">
        <v>2568</v>
      </c>
      <c r="J25" s="10">
        <v>1623</v>
      </c>
      <c r="K25" s="10">
        <v>5438</v>
      </c>
      <c r="L25" s="10">
        <v>3845</v>
      </c>
      <c r="M25" s="10">
        <v>1537</v>
      </c>
      <c r="N25" s="8">
        <v>29.8</v>
      </c>
      <c r="O25" s="8">
        <v>49.7</v>
      </c>
      <c r="P25" s="8">
        <v>-5.3</v>
      </c>
      <c r="Q25" s="8">
        <v>16.399999999999999</v>
      </c>
      <c r="R25" s="8">
        <v>22.3</v>
      </c>
      <c r="S25" s="8">
        <v>5.9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66" fitToHeight="0" orientation="landscape" horizontalDpi="300" verticalDpi="300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2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2686</v>
      </c>
      <c r="F7" s="24">
        <v>2650</v>
      </c>
      <c r="G7" s="25">
        <v>-1.3</v>
      </c>
      <c r="H7" s="24">
        <v>46115</v>
      </c>
      <c r="I7" s="24">
        <v>29278</v>
      </c>
      <c r="J7" s="24">
        <v>16819</v>
      </c>
      <c r="K7" s="24">
        <v>44548</v>
      </c>
      <c r="L7" s="24">
        <v>28816</v>
      </c>
      <c r="M7" s="24">
        <v>15572</v>
      </c>
      <c r="N7" s="23">
        <v>-3.4</v>
      </c>
      <c r="O7" s="23">
        <v>-1.6</v>
      </c>
      <c r="P7" s="23">
        <v>-7.4</v>
      </c>
      <c r="Q7" s="23">
        <v>17.2</v>
      </c>
      <c r="R7" s="23">
        <v>16.8</v>
      </c>
      <c r="S7" s="23">
        <v>-0.4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 t="s">
        <v>34</v>
      </c>
      <c r="F8" s="16">
        <v>1</v>
      </c>
      <c r="G8" s="17" t="s">
        <v>34</v>
      </c>
      <c r="H8" s="16" t="s">
        <v>34</v>
      </c>
      <c r="I8" s="16" t="s">
        <v>34</v>
      </c>
      <c r="J8" s="16" t="s">
        <v>34</v>
      </c>
      <c r="K8" s="16">
        <v>111</v>
      </c>
      <c r="L8" s="16">
        <v>95</v>
      </c>
      <c r="M8" s="16">
        <v>16</v>
      </c>
      <c r="N8" s="15" t="s">
        <v>34</v>
      </c>
      <c r="O8" s="15" t="s">
        <v>34</v>
      </c>
      <c r="P8" s="15" t="s">
        <v>34</v>
      </c>
      <c r="Q8" s="15" t="s">
        <v>34</v>
      </c>
      <c r="R8" s="15">
        <v>111</v>
      </c>
      <c r="S8" s="15">
        <v>111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>
        <v>2</v>
      </c>
      <c r="F10" s="16">
        <v>2</v>
      </c>
      <c r="G10" s="17">
        <v>0</v>
      </c>
      <c r="H10" s="16">
        <v>20</v>
      </c>
      <c r="I10" s="16">
        <v>20</v>
      </c>
      <c r="J10" s="16" t="s">
        <v>34</v>
      </c>
      <c r="K10" s="16">
        <v>23</v>
      </c>
      <c r="L10" s="16">
        <v>22</v>
      </c>
      <c r="M10" s="16">
        <v>1</v>
      </c>
      <c r="N10" s="15">
        <v>15</v>
      </c>
      <c r="O10" s="15">
        <v>10</v>
      </c>
      <c r="P10" s="15" t="s">
        <v>34</v>
      </c>
      <c r="Q10" s="15">
        <v>10</v>
      </c>
      <c r="R10" s="15">
        <v>11.5</v>
      </c>
      <c r="S10" s="15">
        <v>1.5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272</v>
      </c>
      <c r="F11" s="16">
        <v>243</v>
      </c>
      <c r="G11" s="17">
        <v>-10.7</v>
      </c>
      <c r="H11" s="16">
        <v>2671</v>
      </c>
      <c r="I11" s="16">
        <v>2311</v>
      </c>
      <c r="J11" s="16">
        <v>360</v>
      </c>
      <c r="K11" s="16">
        <v>2401</v>
      </c>
      <c r="L11" s="16">
        <v>2067</v>
      </c>
      <c r="M11" s="16">
        <v>332</v>
      </c>
      <c r="N11" s="15">
        <v>-10.1</v>
      </c>
      <c r="O11" s="15">
        <v>-10.6</v>
      </c>
      <c r="P11" s="15">
        <v>-7.8</v>
      </c>
      <c r="Q11" s="15">
        <v>9.8000000000000007</v>
      </c>
      <c r="R11" s="15">
        <v>9.9</v>
      </c>
      <c r="S11" s="15">
        <v>0.1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280</v>
      </c>
      <c r="F12" s="16">
        <v>249</v>
      </c>
      <c r="G12" s="17">
        <v>-11.1</v>
      </c>
      <c r="H12" s="16">
        <v>11529</v>
      </c>
      <c r="I12" s="16">
        <v>9248</v>
      </c>
      <c r="J12" s="16">
        <v>2281</v>
      </c>
      <c r="K12" s="16">
        <v>8810</v>
      </c>
      <c r="L12" s="16">
        <v>7301</v>
      </c>
      <c r="M12" s="16">
        <v>1509</v>
      </c>
      <c r="N12" s="15">
        <v>-23.6</v>
      </c>
      <c r="O12" s="15">
        <v>-21.1</v>
      </c>
      <c r="P12" s="15">
        <v>-33.799999999999997</v>
      </c>
      <c r="Q12" s="15">
        <v>41.2</v>
      </c>
      <c r="R12" s="15">
        <v>35.4</v>
      </c>
      <c r="S12" s="15">
        <v>-5.8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4</v>
      </c>
      <c r="F13" s="16">
        <v>7</v>
      </c>
      <c r="G13" s="17">
        <v>75</v>
      </c>
      <c r="H13" s="16">
        <v>223</v>
      </c>
      <c r="I13" s="16">
        <v>208</v>
      </c>
      <c r="J13" s="16">
        <v>15</v>
      </c>
      <c r="K13" s="16">
        <v>49</v>
      </c>
      <c r="L13" s="16">
        <v>48</v>
      </c>
      <c r="M13" s="16">
        <v>1</v>
      </c>
      <c r="N13" s="15">
        <v>-78</v>
      </c>
      <c r="O13" s="15">
        <v>-76.900000000000006</v>
      </c>
      <c r="P13" s="15">
        <v>-93.3</v>
      </c>
      <c r="Q13" s="15">
        <v>55.8</v>
      </c>
      <c r="R13" s="15">
        <v>7</v>
      </c>
      <c r="S13" s="15">
        <v>-48.8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15</v>
      </c>
      <c r="F14" s="16">
        <v>22</v>
      </c>
      <c r="G14" s="17">
        <v>46.7</v>
      </c>
      <c r="H14" s="16">
        <v>411</v>
      </c>
      <c r="I14" s="16">
        <v>243</v>
      </c>
      <c r="J14" s="16">
        <v>168</v>
      </c>
      <c r="K14" s="16">
        <v>795</v>
      </c>
      <c r="L14" s="16">
        <v>443</v>
      </c>
      <c r="M14" s="16">
        <v>352</v>
      </c>
      <c r="N14" s="15">
        <v>93.4</v>
      </c>
      <c r="O14" s="15">
        <v>82.3</v>
      </c>
      <c r="P14" s="15">
        <v>109.5</v>
      </c>
      <c r="Q14" s="15">
        <v>27.4</v>
      </c>
      <c r="R14" s="15">
        <v>36.1</v>
      </c>
      <c r="S14" s="15">
        <v>8.6999999999999993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212</v>
      </c>
      <c r="F15" s="16">
        <v>234</v>
      </c>
      <c r="G15" s="17">
        <v>10.4</v>
      </c>
      <c r="H15" s="16">
        <v>8250</v>
      </c>
      <c r="I15" s="16">
        <v>6633</v>
      </c>
      <c r="J15" s="16">
        <v>1617</v>
      </c>
      <c r="K15" s="16">
        <v>9083</v>
      </c>
      <c r="L15" s="16">
        <v>7173</v>
      </c>
      <c r="M15" s="16">
        <v>1890</v>
      </c>
      <c r="N15" s="15">
        <v>10.1</v>
      </c>
      <c r="O15" s="15">
        <v>8.1</v>
      </c>
      <c r="P15" s="15">
        <v>16.899999999999999</v>
      </c>
      <c r="Q15" s="15">
        <v>38.9</v>
      </c>
      <c r="R15" s="15">
        <v>38.799999999999997</v>
      </c>
      <c r="S15" s="15">
        <v>-0.1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590</v>
      </c>
      <c r="F16" s="16">
        <v>585</v>
      </c>
      <c r="G16" s="17">
        <v>-0.8</v>
      </c>
      <c r="H16" s="16">
        <v>5097</v>
      </c>
      <c r="I16" s="16">
        <v>3013</v>
      </c>
      <c r="J16" s="16">
        <v>2084</v>
      </c>
      <c r="K16" s="16">
        <v>5266</v>
      </c>
      <c r="L16" s="16">
        <v>2929</v>
      </c>
      <c r="M16" s="16">
        <v>2320</v>
      </c>
      <c r="N16" s="15">
        <v>3.3</v>
      </c>
      <c r="O16" s="15">
        <v>-2.8</v>
      </c>
      <c r="P16" s="15">
        <v>11.3</v>
      </c>
      <c r="Q16" s="15">
        <v>8.6</v>
      </c>
      <c r="R16" s="15">
        <v>9</v>
      </c>
      <c r="S16" s="15">
        <v>0.4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14</v>
      </c>
      <c r="F17" s="16">
        <v>12</v>
      </c>
      <c r="G17" s="17">
        <v>-14.3</v>
      </c>
      <c r="H17" s="16">
        <v>119</v>
      </c>
      <c r="I17" s="16">
        <v>43</v>
      </c>
      <c r="J17" s="16">
        <v>76</v>
      </c>
      <c r="K17" s="16">
        <v>115</v>
      </c>
      <c r="L17" s="16">
        <v>38</v>
      </c>
      <c r="M17" s="16">
        <v>77</v>
      </c>
      <c r="N17" s="15">
        <v>-3.4</v>
      </c>
      <c r="O17" s="15">
        <v>-11.6</v>
      </c>
      <c r="P17" s="15">
        <v>1.3</v>
      </c>
      <c r="Q17" s="15">
        <v>8.5</v>
      </c>
      <c r="R17" s="15">
        <v>9.6</v>
      </c>
      <c r="S17" s="15">
        <v>1.1000000000000001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234</v>
      </c>
      <c r="F18" s="16">
        <v>188</v>
      </c>
      <c r="G18" s="17">
        <v>-19.7</v>
      </c>
      <c r="H18" s="16">
        <v>790</v>
      </c>
      <c r="I18" s="16">
        <v>494</v>
      </c>
      <c r="J18" s="16">
        <v>296</v>
      </c>
      <c r="K18" s="16">
        <v>790</v>
      </c>
      <c r="L18" s="16">
        <v>535</v>
      </c>
      <c r="M18" s="16">
        <v>245</v>
      </c>
      <c r="N18" s="15">
        <v>0</v>
      </c>
      <c r="O18" s="15">
        <v>8.3000000000000007</v>
      </c>
      <c r="P18" s="15">
        <v>-17.2</v>
      </c>
      <c r="Q18" s="15">
        <v>3.4</v>
      </c>
      <c r="R18" s="15">
        <v>4.2</v>
      </c>
      <c r="S18" s="15">
        <v>0.8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59</v>
      </c>
      <c r="F19" s="16">
        <v>58</v>
      </c>
      <c r="G19" s="17">
        <v>-1.7</v>
      </c>
      <c r="H19" s="16">
        <v>1929</v>
      </c>
      <c r="I19" s="16">
        <v>1456</v>
      </c>
      <c r="J19" s="16">
        <v>473</v>
      </c>
      <c r="K19" s="16">
        <v>2539</v>
      </c>
      <c r="L19" s="16">
        <v>1869</v>
      </c>
      <c r="M19" s="16">
        <v>667</v>
      </c>
      <c r="N19" s="15">
        <v>31.6</v>
      </c>
      <c r="O19" s="15">
        <v>28.4</v>
      </c>
      <c r="P19" s="15">
        <v>41</v>
      </c>
      <c r="Q19" s="15">
        <v>32.700000000000003</v>
      </c>
      <c r="R19" s="15">
        <v>43.8</v>
      </c>
      <c r="S19" s="15">
        <v>11.1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425</v>
      </c>
      <c r="F20" s="16">
        <v>413</v>
      </c>
      <c r="G20" s="17">
        <v>-2.8</v>
      </c>
      <c r="H20" s="16">
        <v>2701</v>
      </c>
      <c r="I20" s="16">
        <v>1076</v>
      </c>
      <c r="J20" s="16">
        <v>1607</v>
      </c>
      <c r="K20" s="16">
        <v>3213</v>
      </c>
      <c r="L20" s="16">
        <v>1307</v>
      </c>
      <c r="M20" s="16">
        <v>1840</v>
      </c>
      <c r="N20" s="15">
        <v>19</v>
      </c>
      <c r="O20" s="15">
        <v>21.5</v>
      </c>
      <c r="P20" s="15">
        <v>14.5</v>
      </c>
      <c r="Q20" s="15">
        <v>6.4</v>
      </c>
      <c r="R20" s="15">
        <v>7.8</v>
      </c>
      <c r="S20" s="15">
        <v>1.4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176</v>
      </c>
      <c r="F21" s="16">
        <v>180</v>
      </c>
      <c r="G21" s="17">
        <v>2.2999999999999998</v>
      </c>
      <c r="H21" s="16">
        <v>7387</v>
      </c>
      <c r="I21" s="16">
        <v>2400</v>
      </c>
      <c r="J21" s="16">
        <v>4987</v>
      </c>
      <c r="K21" s="16">
        <v>5153</v>
      </c>
      <c r="L21" s="16">
        <v>2364</v>
      </c>
      <c r="M21" s="16">
        <v>2789</v>
      </c>
      <c r="N21" s="15">
        <v>-30.2</v>
      </c>
      <c r="O21" s="15">
        <v>-1.5</v>
      </c>
      <c r="P21" s="15">
        <v>-44.1</v>
      </c>
      <c r="Q21" s="15">
        <v>42</v>
      </c>
      <c r="R21" s="15">
        <v>28.6</v>
      </c>
      <c r="S21" s="15">
        <v>-13.4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47</v>
      </c>
      <c r="F22" s="16">
        <v>61</v>
      </c>
      <c r="G22" s="17">
        <v>29.8</v>
      </c>
      <c r="H22" s="16">
        <v>255</v>
      </c>
      <c r="I22" s="16">
        <v>119</v>
      </c>
      <c r="J22" s="16">
        <v>136</v>
      </c>
      <c r="K22" s="16">
        <v>292</v>
      </c>
      <c r="L22" s="16">
        <v>123</v>
      </c>
      <c r="M22" s="16">
        <v>159</v>
      </c>
      <c r="N22" s="15">
        <v>14.5</v>
      </c>
      <c r="O22" s="15">
        <v>3.4</v>
      </c>
      <c r="P22" s="15">
        <v>16.899999999999999</v>
      </c>
      <c r="Q22" s="15">
        <v>5.4</v>
      </c>
      <c r="R22" s="15">
        <v>4.8</v>
      </c>
      <c r="S22" s="15">
        <v>-0.6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177</v>
      </c>
      <c r="F23" s="16">
        <v>216</v>
      </c>
      <c r="G23" s="17">
        <v>22</v>
      </c>
      <c r="H23" s="16">
        <v>2552</v>
      </c>
      <c r="I23" s="16">
        <v>672</v>
      </c>
      <c r="J23" s="16">
        <v>1880</v>
      </c>
      <c r="K23" s="16">
        <v>3149</v>
      </c>
      <c r="L23" s="16">
        <v>836</v>
      </c>
      <c r="M23" s="16">
        <v>2281</v>
      </c>
      <c r="N23" s="15">
        <v>23.4</v>
      </c>
      <c r="O23" s="15">
        <v>24.4</v>
      </c>
      <c r="P23" s="15">
        <v>21.3</v>
      </c>
      <c r="Q23" s="15">
        <v>14.4</v>
      </c>
      <c r="R23" s="15">
        <v>14.6</v>
      </c>
      <c r="S23" s="15">
        <v>0.2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1</v>
      </c>
      <c r="F24" s="16">
        <v>11</v>
      </c>
      <c r="G24" s="17">
        <v>0</v>
      </c>
      <c r="H24" s="16">
        <v>85</v>
      </c>
      <c r="I24" s="16">
        <v>55</v>
      </c>
      <c r="J24" s="16">
        <v>30</v>
      </c>
      <c r="K24" s="16">
        <v>183</v>
      </c>
      <c r="L24" s="16">
        <v>126</v>
      </c>
      <c r="M24" s="16">
        <v>57</v>
      </c>
      <c r="N24" s="15">
        <v>115.3</v>
      </c>
      <c r="O24" s="15">
        <v>129.1</v>
      </c>
      <c r="P24" s="15">
        <v>90</v>
      </c>
      <c r="Q24" s="15">
        <v>7.7</v>
      </c>
      <c r="R24" s="15">
        <v>16.600000000000001</v>
      </c>
      <c r="S24" s="15">
        <v>8.9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167</v>
      </c>
      <c r="F25" s="10">
        <v>168</v>
      </c>
      <c r="G25" s="9">
        <v>0.6</v>
      </c>
      <c r="H25" s="10">
        <v>2084</v>
      </c>
      <c r="I25" s="10">
        <v>1275</v>
      </c>
      <c r="J25" s="10">
        <v>809</v>
      </c>
      <c r="K25" s="10">
        <v>2576</v>
      </c>
      <c r="L25" s="10">
        <v>1540</v>
      </c>
      <c r="M25" s="10">
        <v>1036</v>
      </c>
      <c r="N25" s="8">
        <v>23.6</v>
      </c>
      <c r="O25" s="8">
        <v>20.8</v>
      </c>
      <c r="P25" s="8">
        <v>28.1</v>
      </c>
      <c r="Q25" s="8">
        <v>12.5</v>
      </c>
      <c r="R25" s="8">
        <v>15.3</v>
      </c>
      <c r="S25" s="8">
        <v>2.8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>
    <pageSetUpPr fitToPage="1"/>
  </sheetPr>
  <dimension ref="A1:T26"/>
  <sheetViews>
    <sheetView topLeftCell="A4"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3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31807</v>
      </c>
      <c r="F7" s="24">
        <v>31316</v>
      </c>
      <c r="G7" s="25">
        <v>-1.5</v>
      </c>
      <c r="H7" s="24">
        <v>511441</v>
      </c>
      <c r="I7" s="24">
        <v>291823</v>
      </c>
      <c r="J7" s="24">
        <v>218455</v>
      </c>
      <c r="K7" s="24">
        <v>501345</v>
      </c>
      <c r="L7" s="24">
        <v>284131</v>
      </c>
      <c r="M7" s="24">
        <v>215453</v>
      </c>
      <c r="N7" s="23">
        <v>-2</v>
      </c>
      <c r="O7" s="23">
        <v>-2.6</v>
      </c>
      <c r="P7" s="23">
        <v>-1.4</v>
      </c>
      <c r="Q7" s="23">
        <v>16.100000000000001</v>
      </c>
      <c r="R7" s="23">
        <v>16</v>
      </c>
      <c r="S7" s="23">
        <v>-0.1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9</v>
      </c>
      <c r="F8" s="16">
        <v>10</v>
      </c>
      <c r="G8" s="17">
        <v>11.1</v>
      </c>
      <c r="H8" s="16">
        <v>306</v>
      </c>
      <c r="I8" s="16">
        <v>241</v>
      </c>
      <c r="J8" s="16">
        <v>65</v>
      </c>
      <c r="K8" s="16">
        <v>103</v>
      </c>
      <c r="L8" s="16">
        <v>63</v>
      </c>
      <c r="M8" s="16">
        <v>29</v>
      </c>
      <c r="N8" s="15">
        <v>-66.3</v>
      </c>
      <c r="O8" s="15">
        <v>-73.900000000000006</v>
      </c>
      <c r="P8" s="15">
        <v>-55.4</v>
      </c>
      <c r="Q8" s="15">
        <v>34</v>
      </c>
      <c r="R8" s="15">
        <v>10.3</v>
      </c>
      <c r="S8" s="15">
        <v>-23.7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>
        <v>1</v>
      </c>
      <c r="F10" s="16" t="s">
        <v>34</v>
      </c>
      <c r="G10" s="17" t="s">
        <v>34</v>
      </c>
      <c r="H10" s="16">
        <v>5</v>
      </c>
      <c r="I10" s="16">
        <v>3</v>
      </c>
      <c r="J10" s="16">
        <v>2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>
        <v>5</v>
      </c>
      <c r="R10" s="15" t="s">
        <v>34</v>
      </c>
      <c r="S10" s="15">
        <v>-5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834</v>
      </c>
      <c r="F11" s="16">
        <v>802</v>
      </c>
      <c r="G11" s="17">
        <v>-3.8</v>
      </c>
      <c r="H11" s="16">
        <v>23730</v>
      </c>
      <c r="I11" s="16">
        <v>19905</v>
      </c>
      <c r="J11" s="16">
        <v>3825</v>
      </c>
      <c r="K11" s="16">
        <v>20442</v>
      </c>
      <c r="L11" s="16">
        <v>17039</v>
      </c>
      <c r="M11" s="16">
        <v>3334</v>
      </c>
      <c r="N11" s="15">
        <v>-13.9</v>
      </c>
      <c r="O11" s="15">
        <v>-14.4</v>
      </c>
      <c r="P11" s="15">
        <v>-12.8</v>
      </c>
      <c r="Q11" s="15">
        <v>28.5</v>
      </c>
      <c r="R11" s="15">
        <v>25.5</v>
      </c>
      <c r="S11" s="15">
        <v>-3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1209</v>
      </c>
      <c r="F12" s="16">
        <v>1073</v>
      </c>
      <c r="G12" s="17">
        <v>-11.2</v>
      </c>
      <c r="H12" s="16">
        <v>21668</v>
      </c>
      <c r="I12" s="16">
        <v>15149</v>
      </c>
      <c r="J12" s="16">
        <v>6519</v>
      </c>
      <c r="K12" s="16">
        <v>16491</v>
      </c>
      <c r="L12" s="16">
        <v>10846</v>
      </c>
      <c r="M12" s="16">
        <v>5625</v>
      </c>
      <c r="N12" s="15">
        <v>-23.9</v>
      </c>
      <c r="O12" s="15">
        <v>-28.4</v>
      </c>
      <c r="P12" s="15">
        <v>-13.7</v>
      </c>
      <c r="Q12" s="15">
        <v>17.899999999999999</v>
      </c>
      <c r="R12" s="15">
        <v>15.4</v>
      </c>
      <c r="S12" s="15">
        <v>-2.5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12</v>
      </c>
      <c r="F13" s="16">
        <v>13</v>
      </c>
      <c r="G13" s="17">
        <v>8.3000000000000007</v>
      </c>
      <c r="H13" s="16">
        <v>2033</v>
      </c>
      <c r="I13" s="16">
        <v>1654</v>
      </c>
      <c r="J13" s="16">
        <v>379</v>
      </c>
      <c r="K13" s="16">
        <v>2620</v>
      </c>
      <c r="L13" s="16">
        <v>2063</v>
      </c>
      <c r="M13" s="16">
        <v>557</v>
      </c>
      <c r="N13" s="15">
        <v>28.9</v>
      </c>
      <c r="O13" s="15">
        <v>24.7</v>
      </c>
      <c r="P13" s="15">
        <v>47</v>
      </c>
      <c r="Q13" s="15">
        <v>169.4</v>
      </c>
      <c r="R13" s="15">
        <v>201.5</v>
      </c>
      <c r="S13" s="15">
        <v>32.1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1491</v>
      </c>
      <c r="F14" s="16">
        <v>1470</v>
      </c>
      <c r="G14" s="17">
        <v>-1.4</v>
      </c>
      <c r="H14" s="16">
        <v>50023</v>
      </c>
      <c r="I14" s="16">
        <v>37537</v>
      </c>
      <c r="J14" s="16">
        <v>12486</v>
      </c>
      <c r="K14" s="16">
        <v>43198</v>
      </c>
      <c r="L14" s="16">
        <v>33179</v>
      </c>
      <c r="M14" s="16">
        <v>9943</v>
      </c>
      <c r="N14" s="15">
        <v>-13.6</v>
      </c>
      <c r="O14" s="15">
        <v>-11.6</v>
      </c>
      <c r="P14" s="15">
        <v>-20.399999999999999</v>
      </c>
      <c r="Q14" s="15">
        <v>33.5</v>
      </c>
      <c r="R14" s="15">
        <v>29.4</v>
      </c>
      <c r="S14" s="15">
        <v>-4.0999999999999996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415</v>
      </c>
      <c r="F15" s="16">
        <v>411</v>
      </c>
      <c r="G15" s="17">
        <v>-1</v>
      </c>
      <c r="H15" s="16">
        <v>9947</v>
      </c>
      <c r="I15" s="16">
        <v>7607</v>
      </c>
      <c r="J15" s="16">
        <v>2340</v>
      </c>
      <c r="K15" s="16">
        <v>8674</v>
      </c>
      <c r="L15" s="16">
        <v>6165</v>
      </c>
      <c r="M15" s="16">
        <v>2493</v>
      </c>
      <c r="N15" s="15">
        <v>-12.8</v>
      </c>
      <c r="O15" s="15">
        <v>-19</v>
      </c>
      <c r="P15" s="15">
        <v>6.5</v>
      </c>
      <c r="Q15" s="15">
        <v>24</v>
      </c>
      <c r="R15" s="15">
        <v>21.1</v>
      </c>
      <c r="S15" s="15">
        <v>-2.9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0281</v>
      </c>
      <c r="F16" s="16">
        <v>10015</v>
      </c>
      <c r="G16" s="17">
        <v>-2.6</v>
      </c>
      <c r="H16" s="16">
        <v>143683</v>
      </c>
      <c r="I16" s="16">
        <v>81754</v>
      </c>
      <c r="J16" s="16">
        <v>61906</v>
      </c>
      <c r="K16" s="16">
        <v>140466</v>
      </c>
      <c r="L16" s="16">
        <v>81642</v>
      </c>
      <c r="M16" s="16">
        <v>58378</v>
      </c>
      <c r="N16" s="15">
        <v>-2.2000000000000002</v>
      </c>
      <c r="O16" s="15">
        <v>-0.1</v>
      </c>
      <c r="P16" s="15">
        <v>-5.7</v>
      </c>
      <c r="Q16" s="15">
        <v>14</v>
      </c>
      <c r="R16" s="15">
        <v>14</v>
      </c>
      <c r="S16" s="15">
        <v>0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1063</v>
      </c>
      <c r="F17" s="16">
        <v>1062</v>
      </c>
      <c r="G17" s="17">
        <v>-0.1</v>
      </c>
      <c r="H17" s="16">
        <v>45549</v>
      </c>
      <c r="I17" s="16">
        <v>22109</v>
      </c>
      <c r="J17" s="16">
        <v>23004</v>
      </c>
      <c r="K17" s="16">
        <v>44173</v>
      </c>
      <c r="L17" s="16">
        <v>18704</v>
      </c>
      <c r="M17" s="16">
        <v>25403</v>
      </c>
      <c r="N17" s="15">
        <v>-3</v>
      </c>
      <c r="O17" s="15">
        <v>-15.4</v>
      </c>
      <c r="P17" s="15">
        <v>10.4</v>
      </c>
      <c r="Q17" s="15">
        <v>42.8</v>
      </c>
      <c r="R17" s="15">
        <v>41.6</v>
      </c>
      <c r="S17" s="15">
        <v>-1.2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2466</v>
      </c>
      <c r="F18" s="16">
        <v>2315</v>
      </c>
      <c r="G18" s="17">
        <v>-6.1</v>
      </c>
      <c r="H18" s="16">
        <v>21499</v>
      </c>
      <c r="I18" s="16">
        <v>14351</v>
      </c>
      <c r="J18" s="16">
        <v>6904</v>
      </c>
      <c r="K18" s="16">
        <v>22114</v>
      </c>
      <c r="L18" s="16">
        <v>14804</v>
      </c>
      <c r="M18" s="16">
        <v>7251</v>
      </c>
      <c r="N18" s="15">
        <v>2.9</v>
      </c>
      <c r="O18" s="15">
        <v>3.2</v>
      </c>
      <c r="P18" s="15">
        <v>5</v>
      </c>
      <c r="Q18" s="15">
        <v>8.6999999999999993</v>
      </c>
      <c r="R18" s="15">
        <v>9.6</v>
      </c>
      <c r="S18" s="15">
        <v>0.9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3876</v>
      </c>
      <c r="F19" s="16">
        <v>3903</v>
      </c>
      <c r="G19" s="17">
        <v>0.7</v>
      </c>
      <c r="H19" s="16">
        <v>29822</v>
      </c>
      <c r="I19" s="16">
        <v>19368</v>
      </c>
      <c r="J19" s="16">
        <v>10454</v>
      </c>
      <c r="K19" s="16">
        <v>32487</v>
      </c>
      <c r="L19" s="16">
        <v>20641</v>
      </c>
      <c r="M19" s="16">
        <v>11688</v>
      </c>
      <c r="N19" s="15">
        <v>8.9</v>
      </c>
      <c r="O19" s="15">
        <v>6.6</v>
      </c>
      <c r="P19" s="15">
        <v>11.8</v>
      </c>
      <c r="Q19" s="15">
        <v>7.7</v>
      </c>
      <c r="R19" s="15">
        <v>8.3000000000000007</v>
      </c>
      <c r="S19" s="15">
        <v>0.6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5044</v>
      </c>
      <c r="F20" s="16">
        <v>4839</v>
      </c>
      <c r="G20" s="17">
        <v>-4.0999999999999996</v>
      </c>
      <c r="H20" s="16">
        <v>48410</v>
      </c>
      <c r="I20" s="16">
        <v>21776</v>
      </c>
      <c r="J20" s="16">
        <v>26435</v>
      </c>
      <c r="K20" s="16">
        <v>46083</v>
      </c>
      <c r="L20" s="16">
        <v>21566</v>
      </c>
      <c r="M20" s="16">
        <v>24071</v>
      </c>
      <c r="N20" s="15">
        <v>-4.8</v>
      </c>
      <c r="O20" s="15">
        <v>-1</v>
      </c>
      <c r="P20" s="15">
        <v>-8.9</v>
      </c>
      <c r="Q20" s="15">
        <v>9.6</v>
      </c>
      <c r="R20" s="15">
        <v>9.5</v>
      </c>
      <c r="S20" s="15">
        <v>-0.1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1480</v>
      </c>
      <c r="F21" s="16">
        <v>1575</v>
      </c>
      <c r="G21" s="17">
        <v>6.4</v>
      </c>
      <c r="H21" s="16">
        <v>15476</v>
      </c>
      <c r="I21" s="16">
        <v>6667</v>
      </c>
      <c r="J21" s="16">
        <v>8651</v>
      </c>
      <c r="K21" s="16">
        <v>16578</v>
      </c>
      <c r="L21" s="16">
        <v>7180</v>
      </c>
      <c r="M21" s="16">
        <v>9321</v>
      </c>
      <c r="N21" s="15">
        <v>7.1</v>
      </c>
      <c r="O21" s="15">
        <v>7.7</v>
      </c>
      <c r="P21" s="15">
        <v>7.7</v>
      </c>
      <c r="Q21" s="15">
        <v>10.5</v>
      </c>
      <c r="R21" s="15">
        <v>10.5</v>
      </c>
      <c r="S21" s="15">
        <v>0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436</v>
      </c>
      <c r="F22" s="16">
        <v>487</v>
      </c>
      <c r="G22" s="17">
        <v>11.7</v>
      </c>
      <c r="H22" s="16">
        <v>5950</v>
      </c>
      <c r="I22" s="16">
        <v>2392</v>
      </c>
      <c r="J22" s="16">
        <v>3558</v>
      </c>
      <c r="K22" s="16">
        <v>5683</v>
      </c>
      <c r="L22" s="16">
        <v>2525</v>
      </c>
      <c r="M22" s="16">
        <v>3133</v>
      </c>
      <c r="N22" s="15">
        <v>-4.5</v>
      </c>
      <c r="O22" s="15">
        <v>5.6</v>
      </c>
      <c r="P22" s="15">
        <v>-11.9</v>
      </c>
      <c r="Q22" s="15">
        <v>13.6</v>
      </c>
      <c r="R22" s="15">
        <v>11.7</v>
      </c>
      <c r="S22" s="15">
        <v>-1.9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957</v>
      </c>
      <c r="F23" s="16">
        <v>1070</v>
      </c>
      <c r="G23" s="17">
        <v>11.8</v>
      </c>
      <c r="H23" s="16">
        <v>13347</v>
      </c>
      <c r="I23" s="16">
        <v>4719</v>
      </c>
      <c r="J23" s="16">
        <v>8530</v>
      </c>
      <c r="K23" s="16">
        <v>14603</v>
      </c>
      <c r="L23" s="16">
        <v>4698</v>
      </c>
      <c r="M23" s="16">
        <v>9853</v>
      </c>
      <c r="N23" s="15">
        <v>9.4</v>
      </c>
      <c r="O23" s="15">
        <v>-0.4</v>
      </c>
      <c r="P23" s="15">
        <v>15.5</v>
      </c>
      <c r="Q23" s="15">
        <v>13.9</v>
      </c>
      <c r="R23" s="15">
        <v>13.6</v>
      </c>
      <c r="S23" s="15">
        <v>-0.3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49</v>
      </c>
      <c r="F24" s="16">
        <v>41</v>
      </c>
      <c r="G24" s="17">
        <v>-16.3</v>
      </c>
      <c r="H24" s="16">
        <v>1416</v>
      </c>
      <c r="I24" s="16">
        <v>944</v>
      </c>
      <c r="J24" s="16">
        <v>472</v>
      </c>
      <c r="K24" s="16">
        <v>2054</v>
      </c>
      <c r="L24" s="16">
        <v>1500</v>
      </c>
      <c r="M24" s="16">
        <v>554</v>
      </c>
      <c r="N24" s="15">
        <v>45.1</v>
      </c>
      <c r="O24" s="15">
        <v>58.9</v>
      </c>
      <c r="P24" s="15">
        <v>17.399999999999999</v>
      </c>
      <c r="Q24" s="15">
        <v>28.9</v>
      </c>
      <c r="R24" s="15">
        <v>50.1</v>
      </c>
      <c r="S24" s="15">
        <v>21.2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184</v>
      </c>
      <c r="F25" s="10">
        <v>2230</v>
      </c>
      <c r="G25" s="9">
        <v>2.1</v>
      </c>
      <c r="H25" s="10">
        <v>78577</v>
      </c>
      <c r="I25" s="10">
        <v>35647</v>
      </c>
      <c r="J25" s="10">
        <v>42925</v>
      </c>
      <c r="K25" s="10">
        <v>85576</v>
      </c>
      <c r="L25" s="10">
        <v>41516</v>
      </c>
      <c r="M25" s="10">
        <v>43820</v>
      </c>
      <c r="N25" s="8">
        <v>8.9</v>
      </c>
      <c r="O25" s="8">
        <v>16.5</v>
      </c>
      <c r="P25" s="8">
        <v>2.1</v>
      </c>
      <c r="Q25" s="8">
        <v>36</v>
      </c>
      <c r="R25" s="8">
        <v>38.4</v>
      </c>
      <c r="S25" s="8">
        <v>2.4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T26"/>
  <sheetViews>
    <sheetView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4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11412</v>
      </c>
      <c r="F7" s="24">
        <v>9969</v>
      </c>
      <c r="G7" s="25">
        <v>-12.6</v>
      </c>
      <c r="H7" s="24">
        <v>153558</v>
      </c>
      <c r="I7" s="24">
        <v>99973</v>
      </c>
      <c r="J7" s="24">
        <v>52402</v>
      </c>
      <c r="K7" s="24">
        <v>148280</v>
      </c>
      <c r="L7" s="24">
        <v>91518</v>
      </c>
      <c r="M7" s="24">
        <v>55074</v>
      </c>
      <c r="N7" s="23">
        <v>-3.4</v>
      </c>
      <c r="O7" s="23">
        <v>-8.5</v>
      </c>
      <c r="P7" s="23">
        <v>5.0999999999999996</v>
      </c>
      <c r="Q7" s="23">
        <v>13.5</v>
      </c>
      <c r="R7" s="23">
        <v>14.9</v>
      </c>
      <c r="S7" s="23">
        <v>1.4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>
        <v>4</v>
      </c>
      <c r="F8" s="16">
        <v>1</v>
      </c>
      <c r="G8" s="17">
        <v>-75</v>
      </c>
      <c r="H8" s="16">
        <v>27</v>
      </c>
      <c r="I8" s="16">
        <v>22</v>
      </c>
      <c r="J8" s="16">
        <v>5</v>
      </c>
      <c r="K8" s="16">
        <v>10</v>
      </c>
      <c r="L8" s="16">
        <v>10</v>
      </c>
      <c r="M8" s="16" t="s">
        <v>34</v>
      </c>
      <c r="N8" s="15">
        <v>-63</v>
      </c>
      <c r="O8" s="15">
        <v>-54.5</v>
      </c>
      <c r="P8" s="15" t="s">
        <v>34</v>
      </c>
      <c r="Q8" s="15">
        <v>6.8</v>
      </c>
      <c r="R8" s="15">
        <v>10</v>
      </c>
      <c r="S8" s="15">
        <v>3.2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586</v>
      </c>
      <c r="F11" s="16">
        <v>490</v>
      </c>
      <c r="G11" s="17">
        <v>-16.399999999999999</v>
      </c>
      <c r="H11" s="16">
        <v>13251</v>
      </c>
      <c r="I11" s="16">
        <v>11445</v>
      </c>
      <c r="J11" s="16">
        <v>1806</v>
      </c>
      <c r="K11" s="16">
        <v>11605</v>
      </c>
      <c r="L11" s="16">
        <v>9859</v>
      </c>
      <c r="M11" s="16">
        <v>1689</v>
      </c>
      <c r="N11" s="15">
        <v>-12.4</v>
      </c>
      <c r="O11" s="15">
        <v>-13.9</v>
      </c>
      <c r="P11" s="15">
        <v>-6.5</v>
      </c>
      <c r="Q11" s="15">
        <v>22.6</v>
      </c>
      <c r="R11" s="15">
        <v>23.7</v>
      </c>
      <c r="S11" s="15">
        <v>1.1000000000000001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842</v>
      </c>
      <c r="F12" s="16">
        <v>705</v>
      </c>
      <c r="G12" s="17">
        <v>-16.3</v>
      </c>
      <c r="H12" s="16">
        <v>7246</v>
      </c>
      <c r="I12" s="16">
        <v>5142</v>
      </c>
      <c r="J12" s="16">
        <v>2104</v>
      </c>
      <c r="K12" s="16">
        <v>6160</v>
      </c>
      <c r="L12" s="16">
        <v>4361</v>
      </c>
      <c r="M12" s="16">
        <v>1763</v>
      </c>
      <c r="N12" s="15">
        <v>-15</v>
      </c>
      <c r="O12" s="15">
        <v>-15.2</v>
      </c>
      <c r="P12" s="15">
        <v>-16.2</v>
      </c>
      <c r="Q12" s="15">
        <v>8.6</v>
      </c>
      <c r="R12" s="15">
        <v>8.6999999999999993</v>
      </c>
      <c r="S12" s="15">
        <v>0.1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3</v>
      </c>
      <c r="F13" s="16">
        <v>3</v>
      </c>
      <c r="G13" s="17">
        <v>0</v>
      </c>
      <c r="H13" s="16">
        <v>808</v>
      </c>
      <c r="I13" s="16">
        <v>690</v>
      </c>
      <c r="J13" s="16">
        <v>118</v>
      </c>
      <c r="K13" s="16">
        <v>832</v>
      </c>
      <c r="L13" s="16">
        <v>719</v>
      </c>
      <c r="M13" s="16">
        <v>113</v>
      </c>
      <c r="N13" s="15">
        <v>3</v>
      </c>
      <c r="O13" s="15">
        <v>4.2</v>
      </c>
      <c r="P13" s="15">
        <v>-4.2</v>
      </c>
      <c r="Q13" s="15">
        <v>269.3</v>
      </c>
      <c r="R13" s="15">
        <v>277.3</v>
      </c>
      <c r="S13" s="15">
        <v>8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611</v>
      </c>
      <c r="F14" s="16">
        <v>508</v>
      </c>
      <c r="G14" s="17">
        <v>-16.899999999999999</v>
      </c>
      <c r="H14" s="16">
        <v>14228</v>
      </c>
      <c r="I14" s="16">
        <v>10860</v>
      </c>
      <c r="J14" s="16">
        <v>3368</v>
      </c>
      <c r="K14" s="16">
        <v>14787</v>
      </c>
      <c r="L14" s="16">
        <v>11269</v>
      </c>
      <c r="M14" s="16">
        <v>3262</v>
      </c>
      <c r="N14" s="15">
        <v>3.9</v>
      </c>
      <c r="O14" s="15">
        <v>3.8</v>
      </c>
      <c r="P14" s="15">
        <v>-3.1</v>
      </c>
      <c r="Q14" s="15">
        <v>23.3</v>
      </c>
      <c r="R14" s="15">
        <v>29.1</v>
      </c>
      <c r="S14" s="15">
        <v>5.8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282</v>
      </c>
      <c r="F15" s="16">
        <v>251</v>
      </c>
      <c r="G15" s="17">
        <v>-11</v>
      </c>
      <c r="H15" s="16">
        <v>5395</v>
      </c>
      <c r="I15" s="16">
        <v>4277</v>
      </c>
      <c r="J15" s="16">
        <v>1118</v>
      </c>
      <c r="K15" s="16">
        <v>4352</v>
      </c>
      <c r="L15" s="16">
        <v>3340</v>
      </c>
      <c r="M15" s="16">
        <v>1004</v>
      </c>
      <c r="N15" s="15">
        <v>-19.3</v>
      </c>
      <c r="O15" s="15">
        <v>-21.9</v>
      </c>
      <c r="P15" s="15">
        <v>-10.199999999999999</v>
      </c>
      <c r="Q15" s="15">
        <v>19.100000000000001</v>
      </c>
      <c r="R15" s="15">
        <v>17.3</v>
      </c>
      <c r="S15" s="15">
        <v>-1.8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3884</v>
      </c>
      <c r="F16" s="16">
        <v>3450</v>
      </c>
      <c r="G16" s="17">
        <v>-11.2</v>
      </c>
      <c r="H16" s="16">
        <v>47668</v>
      </c>
      <c r="I16" s="16">
        <v>31586</v>
      </c>
      <c r="J16" s="16">
        <v>16076</v>
      </c>
      <c r="K16" s="16">
        <v>47885</v>
      </c>
      <c r="L16" s="16">
        <v>30024</v>
      </c>
      <c r="M16" s="16">
        <v>17215</v>
      </c>
      <c r="N16" s="15">
        <v>0.5</v>
      </c>
      <c r="O16" s="15">
        <v>-4.9000000000000004</v>
      </c>
      <c r="P16" s="15">
        <v>7.1</v>
      </c>
      <c r="Q16" s="15">
        <v>12.3</v>
      </c>
      <c r="R16" s="15">
        <v>13.9</v>
      </c>
      <c r="S16" s="15">
        <v>1.6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211</v>
      </c>
      <c r="F17" s="16">
        <v>181</v>
      </c>
      <c r="G17" s="17">
        <v>-14.2</v>
      </c>
      <c r="H17" s="16">
        <v>4783</v>
      </c>
      <c r="I17" s="16">
        <v>2435</v>
      </c>
      <c r="J17" s="16">
        <v>2348</v>
      </c>
      <c r="K17" s="16">
        <v>5515</v>
      </c>
      <c r="L17" s="16">
        <v>2483</v>
      </c>
      <c r="M17" s="16">
        <v>3009</v>
      </c>
      <c r="N17" s="15">
        <v>15.3</v>
      </c>
      <c r="O17" s="15">
        <v>2</v>
      </c>
      <c r="P17" s="15">
        <v>28.2</v>
      </c>
      <c r="Q17" s="15">
        <v>22.7</v>
      </c>
      <c r="R17" s="15">
        <v>30.5</v>
      </c>
      <c r="S17" s="15">
        <v>7.8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871</v>
      </c>
      <c r="F18" s="16">
        <v>713</v>
      </c>
      <c r="G18" s="17">
        <v>-18.100000000000001</v>
      </c>
      <c r="H18" s="16">
        <v>6303</v>
      </c>
      <c r="I18" s="16">
        <v>3901</v>
      </c>
      <c r="J18" s="16">
        <v>2313</v>
      </c>
      <c r="K18" s="16">
        <v>6080</v>
      </c>
      <c r="L18" s="16">
        <v>3955</v>
      </c>
      <c r="M18" s="16">
        <v>2080</v>
      </c>
      <c r="N18" s="15">
        <v>-3.5</v>
      </c>
      <c r="O18" s="15">
        <v>1.4</v>
      </c>
      <c r="P18" s="15">
        <v>-10.1</v>
      </c>
      <c r="Q18" s="15">
        <v>7.2</v>
      </c>
      <c r="R18" s="15">
        <v>8.5</v>
      </c>
      <c r="S18" s="15">
        <v>1.3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1183</v>
      </c>
      <c r="F19" s="16">
        <v>974</v>
      </c>
      <c r="G19" s="17">
        <v>-17.7</v>
      </c>
      <c r="H19" s="16">
        <v>10048</v>
      </c>
      <c r="I19" s="16">
        <v>7175</v>
      </c>
      <c r="J19" s="16">
        <v>2873</v>
      </c>
      <c r="K19" s="16">
        <v>10099</v>
      </c>
      <c r="L19" s="16">
        <v>6837</v>
      </c>
      <c r="M19" s="16">
        <v>3182</v>
      </c>
      <c r="N19" s="15">
        <v>0.5</v>
      </c>
      <c r="O19" s="15">
        <v>-4.7</v>
      </c>
      <c r="P19" s="15">
        <v>10.8</v>
      </c>
      <c r="Q19" s="15">
        <v>8.5</v>
      </c>
      <c r="R19" s="15">
        <v>10.4</v>
      </c>
      <c r="S19" s="15">
        <v>1.9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1248</v>
      </c>
      <c r="F20" s="16">
        <v>1077</v>
      </c>
      <c r="G20" s="17">
        <v>-13.7</v>
      </c>
      <c r="H20" s="16">
        <v>7782</v>
      </c>
      <c r="I20" s="16">
        <v>3603</v>
      </c>
      <c r="J20" s="16">
        <v>4171</v>
      </c>
      <c r="K20" s="16">
        <v>8896</v>
      </c>
      <c r="L20" s="16">
        <v>3896</v>
      </c>
      <c r="M20" s="16">
        <v>4941</v>
      </c>
      <c r="N20" s="15">
        <v>14.3</v>
      </c>
      <c r="O20" s="15">
        <v>8.1</v>
      </c>
      <c r="P20" s="15">
        <v>18.5</v>
      </c>
      <c r="Q20" s="15">
        <v>6.2</v>
      </c>
      <c r="R20" s="15">
        <v>8.3000000000000007</v>
      </c>
      <c r="S20" s="15">
        <v>2.1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471</v>
      </c>
      <c r="F21" s="16">
        <v>423</v>
      </c>
      <c r="G21" s="17">
        <v>-10.199999999999999</v>
      </c>
      <c r="H21" s="16">
        <v>2942</v>
      </c>
      <c r="I21" s="16">
        <v>1408</v>
      </c>
      <c r="J21" s="16">
        <v>1534</v>
      </c>
      <c r="K21" s="16">
        <v>2575</v>
      </c>
      <c r="L21" s="16">
        <v>1180</v>
      </c>
      <c r="M21" s="16">
        <v>1327</v>
      </c>
      <c r="N21" s="15">
        <v>-12.5</v>
      </c>
      <c r="O21" s="15">
        <v>-16.2</v>
      </c>
      <c r="P21" s="15">
        <v>-13.5</v>
      </c>
      <c r="Q21" s="15">
        <v>6.2</v>
      </c>
      <c r="R21" s="15">
        <v>6.1</v>
      </c>
      <c r="S21" s="15">
        <v>-0.1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133</v>
      </c>
      <c r="F22" s="16">
        <v>130</v>
      </c>
      <c r="G22" s="17">
        <v>-2.2999999999999998</v>
      </c>
      <c r="H22" s="16">
        <v>1698</v>
      </c>
      <c r="I22" s="16">
        <v>821</v>
      </c>
      <c r="J22" s="16">
        <v>877</v>
      </c>
      <c r="K22" s="16">
        <v>1432</v>
      </c>
      <c r="L22" s="16">
        <v>640</v>
      </c>
      <c r="M22" s="16">
        <v>787</v>
      </c>
      <c r="N22" s="15">
        <v>-15.7</v>
      </c>
      <c r="O22" s="15">
        <v>-22</v>
      </c>
      <c r="P22" s="15">
        <v>-10.3</v>
      </c>
      <c r="Q22" s="15">
        <v>12.8</v>
      </c>
      <c r="R22" s="15">
        <v>11</v>
      </c>
      <c r="S22" s="15">
        <v>-1.8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339</v>
      </c>
      <c r="F23" s="16">
        <v>379</v>
      </c>
      <c r="G23" s="17">
        <v>11.8</v>
      </c>
      <c r="H23" s="16">
        <v>6059</v>
      </c>
      <c r="I23" s="16">
        <v>1534</v>
      </c>
      <c r="J23" s="16">
        <v>3978</v>
      </c>
      <c r="K23" s="16">
        <v>7926</v>
      </c>
      <c r="L23" s="16">
        <v>2257</v>
      </c>
      <c r="M23" s="16">
        <v>5501</v>
      </c>
      <c r="N23" s="15">
        <v>30.8</v>
      </c>
      <c r="O23" s="15">
        <v>47.1</v>
      </c>
      <c r="P23" s="15">
        <v>38.299999999999997</v>
      </c>
      <c r="Q23" s="15">
        <v>17.899999999999999</v>
      </c>
      <c r="R23" s="15">
        <v>20.9</v>
      </c>
      <c r="S23" s="15">
        <v>3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21</v>
      </c>
      <c r="F24" s="16">
        <v>18</v>
      </c>
      <c r="G24" s="17">
        <v>-14.3</v>
      </c>
      <c r="H24" s="16">
        <v>184</v>
      </c>
      <c r="I24" s="16">
        <v>100</v>
      </c>
      <c r="J24" s="16">
        <v>84</v>
      </c>
      <c r="K24" s="16">
        <v>470</v>
      </c>
      <c r="L24" s="16">
        <v>310</v>
      </c>
      <c r="M24" s="16">
        <v>160</v>
      </c>
      <c r="N24" s="15">
        <v>155.4</v>
      </c>
      <c r="O24" s="15">
        <v>210</v>
      </c>
      <c r="P24" s="15">
        <v>90.5</v>
      </c>
      <c r="Q24" s="15">
        <v>8.8000000000000007</v>
      </c>
      <c r="R24" s="15">
        <v>26.1</v>
      </c>
      <c r="S24" s="15">
        <v>17.3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723</v>
      </c>
      <c r="F25" s="10">
        <v>665</v>
      </c>
      <c r="G25" s="9">
        <v>-8</v>
      </c>
      <c r="H25" s="10">
        <v>25136</v>
      </c>
      <c r="I25" s="10">
        <v>14974</v>
      </c>
      <c r="J25" s="10">
        <v>9629</v>
      </c>
      <c r="K25" s="10">
        <v>19651</v>
      </c>
      <c r="L25" s="10">
        <v>10373</v>
      </c>
      <c r="M25" s="10">
        <v>9041</v>
      </c>
      <c r="N25" s="8">
        <v>-21.8</v>
      </c>
      <c r="O25" s="8">
        <v>-30.7</v>
      </c>
      <c r="P25" s="8">
        <v>-6.1</v>
      </c>
      <c r="Q25" s="8">
        <v>34.799999999999997</v>
      </c>
      <c r="R25" s="8">
        <v>29.6</v>
      </c>
      <c r="S25" s="8">
        <v>-5.2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pageSetUpPr fitToPage="1"/>
  </sheetPr>
  <dimension ref="A1:T26"/>
  <sheetViews>
    <sheetView topLeftCell="A4"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5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4341</v>
      </c>
      <c r="F7" s="24">
        <v>3982</v>
      </c>
      <c r="G7" s="25">
        <v>-8.3000000000000007</v>
      </c>
      <c r="H7" s="24">
        <v>41665</v>
      </c>
      <c r="I7" s="24">
        <v>26837</v>
      </c>
      <c r="J7" s="24">
        <v>14788</v>
      </c>
      <c r="K7" s="24">
        <v>39787</v>
      </c>
      <c r="L7" s="24">
        <v>25262</v>
      </c>
      <c r="M7" s="24">
        <v>14297</v>
      </c>
      <c r="N7" s="23">
        <v>-4.5</v>
      </c>
      <c r="O7" s="23">
        <v>-5.9</v>
      </c>
      <c r="P7" s="23">
        <v>-3.3</v>
      </c>
      <c r="Q7" s="23">
        <v>9.6</v>
      </c>
      <c r="R7" s="23">
        <v>10</v>
      </c>
      <c r="S7" s="23">
        <v>0.4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 t="s">
        <v>34</v>
      </c>
      <c r="F8" s="16" t="s">
        <v>34</v>
      </c>
      <c r="G8" s="17" t="s">
        <v>34</v>
      </c>
      <c r="H8" s="16" t="s">
        <v>34</v>
      </c>
      <c r="I8" s="16" t="s">
        <v>34</v>
      </c>
      <c r="J8" s="16" t="s">
        <v>34</v>
      </c>
      <c r="K8" s="16" t="s">
        <v>34</v>
      </c>
      <c r="L8" s="16" t="s">
        <v>34</v>
      </c>
      <c r="M8" s="16" t="s">
        <v>34</v>
      </c>
      <c r="N8" s="15" t="s">
        <v>34</v>
      </c>
      <c r="O8" s="15" t="s">
        <v>34</v>
      </c>
      <c r="P8" s="15" t="s">
        <v>34</v>
      </c>
      <c r="Q8" s="15" t="s">
        <v>34</v>
      </c>
      <c r="R8" s="15" t="s">
        <v>34</v>
      </c>
      <c r="S8" s="15" t="s">
        <v>34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377</v>
      </c>
      <c r="F11" s="16">
        <v>333</v>
      </c>
      <c r="G11" s="17">
        <v>-11.7</v>
      </c>
      <c r="H11" s="16">
        <v>4110</v>
      </c>
      <c r="I11" s="16">
        <v>3528</v>
      </c>
      <c r="J11" s="16">
        <v>582</v>
      </c>
      <c r="K11" s="16">
        <v>3405</v>
      </c>
      <c r="L11" s="16">
        <v>2906</v>
      </c>
      <c r="M11" s="16">
        <v>498</v>
      </c>
      <c r="N11" s="15">
        <v>-17.2</v>
      </c>
      <c r="O11" s="15">
        <v>-17.600000000000001</v>
      </c>
      <c r="P11" s="15">
        <v>-14.4</v>
      </c>
      <c r="Q11" s="15">
        <v>10.9</v>
      </c>
      <c r="R11" s="15">
        <v>10.199999999999999</v>
      </c>
      <c r="S11" s="15">
        <v>-0.7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605</v>
      </c>
      <c r="F12" s="16">
        <v>523</v>
      </c>
      <c r="G12" s="17">
        <v>-13.6</v>
      </c>
      <c r="H12" s="16">
        <v>3780</v>
      </c>
      <c r="I12" s="16">
        <v>2724</v>
      </c>
      <c r="J12" s="16">
        <v>1056</v>
      </c>
      <c r="K12" s="16">
        <v>3572</v>
      </c>
      <c r="L12" s="16">
        <v>2594</v>
      </c>
      <c r="M12" s="16">
        <v>974</v>
      </c>
      <c r="N12" s="15">
        <v>-5.5</v>
      </c>
      <c r="O12" s="15">
        <v>-4.8</v>
      </c>
      <c r="P12" s="15">
        <v>-7.8</v>
      </c>
      <c r="Q12" s="15">
        <v>6.2</v>
      </c>
      <c r="R12" s="15">
        <v>6.8</v>
      </c>
      <c r="S12" s="15">
        <v>0.6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1</v>
      </c>
      <c r="F13" s="16">
        <v>1</v>
      </c>
      <c r="G13" s="17">
        <v>0</v>
      </c>
      <c r="H13" s="16">
        <v>2</v>
      </c>
      <c r="I13" s="16">
        <v>2</v>
      </c>
      <c r="J13" s="16" t="s">
        <v>34</v>
      </c>
      <c r="K13" s="16">
        <v>1</v>
      </c>
      <c r="L13" s="16">
        <v>1</v>
      </c>
      <c r="M13" s="16" t="s">
        <v>34</v>
      </c>
      <c r="N13" s="15">
        <v>-50</v>
      </c>
      <c r="O13" s="15">
        <v>-50</v>
      </c>
      <c r="P13" s="15" t="s">
        <v>34</v>
      </c>
      <c r="Q13" s="15">
        <v>2</v>
      </c>
      <c r="R13" s="15">
        <v>1</v>
      </c>
      <c r="S13" s="15">
        <v>-1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33</v>
      </c>
      <c r="F14" s="16">
        <v>18</v>
      </c>
      <c r="G14" s="17">
        <v>-45.5</v>
      </c>
      <c r="H14" s="16">
        <v>1331</v>
      </c>
      <c r="I14" s="16">
        <v>1193</v>
      </c>
      <c r="J14" s="16">
        <v>138</v>
      </c>
      <c r="K14" s="16">
        <v>1257</v>
      </c>
      <c r="L14" s="16">
        <v>1149</v>
      </c>
      <c r="M14" s="16">
        <v>108</v>
      </c>
      <c r="N14" s="15">
        <v>-5.6</v>
      </c>
      <c r="O14" s="15">
        <v>-3.7</v>
      </c>
      <c r="P14" s="15">
        <v>-21.7</v>
      </c>
      <c r="Q14" s="15">
        <v>40.299999999999997</v>
      </c>
      <c r="R14" s="15">
        <v>69.8</v>
      </c>
      <c r="S14" s="15">
        <v>29.5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373</v>
      </c>
      <c r="F15" s="16">
        <v>338</v>
      </c>
      <c r="G15" s="17">
        <v>-9.4</v>
      </c>
      <c r="H15" s="16">
        <v>8648</v>
      </c>
      <c r="I15" s="16">
        <v>7084</v>
      </c>
      <c r="J15" s="16">
        <v>1564</v>
      </c>
      <c r="K15" s="16">
        <v>7633</v>
      </c>
      <c r="L15" s="16">
        <v>6080</v>
      </c>
      <c r="M15" s="16">
        <v>1434</v>
      </c>
      <c r="N15" s="15">
        <v>-11.7</v>
      </c>
      <c r="O15" s="15">
        <v>-14.2</v>
      </c>
      <c r="P15" s="15">
        <v>-8.3000000000000007</v>
      </c>
      <c r="Q15" s="15">
        <v>23.2</v>
      </c>
      <c r="R15" s="15">
        <v>22.6</v>
      </c>
      <c r="S15" s="15">
        <v>-0.6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1085</v>
      </c>
      <c r="F16" s="16">
        <v>994</v>
      </c>
      <c r="G16" s="17">
        <v>-8.4</v>
      </c>
      <c r="H16" s="16">
        <v>7120</v>
      </c>
      <c r="I16" s="16">
        <v>4040</v>
      </c>
      <c r="J16" s="16">
        <v>3080</v>
      </c>
      <c r="K16" s="16">
        <v>7431</v>
      </c>
      <c r="L16" s="16">
        <v>4363</v>
      </c>
      <c r="M16" s="16">
        <v>3053</v>
      </c>
      <c r="N16" s="15">
        <v>4.4000000000000004</v>
      </c>
      <c r="O16" s="15">
        <v>8</v>
      </c>
      <c r="P16" s="15">
        <v>-0.9</v>
      </c>
      <c r="Q16" s="15">
        <v>6.6</v>
      </c>
      <c r="R16" s="15">
        <v>7.5</v>
      </c>
      <c r="S16" s="15">
        <v>0.9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37</v>
      </c>
      <c r="F17" s="16">
        <v>30</v>
      </c>
      <c r="G17" s="17">
        <v>-18.899999999999999</v>
      </c>
      <c r="H17" s="16">
        <v>395</v>
      </c>
      <c r="I17" s="16">
        <v>166</v>
      </c>
      <c r="J17" s="16">
        <v>229</v>
      </c>
      <c r="K17" s="16">
        <v>449</v>
      </c>
      <c r="L17" s="16">
        <v>176</v>
      </c>
      <c r="M17" s="16">
        <v>273</v>
      </c>
      <c r="N17" s="15">
        <v>13.7</v>
      </c>
      <c r="O17" s="15">
        <v>6</v>
      </c>
      <c r="P17" s="15">
        <v>19.2</v>
      </c>
      <c r="Q17" s="15">
        <v>10.7</v>
      </c>
      <c r="R17" s="15">
        <v>15</v>
      </c>
      <c r="S17" s="15">
        <v>4.3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294</v>
      </c>
      <c r="F18" s="16">
        <v>269</v>
      </c>
      <c r="G18" s="17">
        <v>-8.5</v>
      </c>
      <c r="H18" s="16">
        <v>1102</v>
      </c>
      <c r="I18" s="16">
        <v>668</v>
      </c>
      <c r="J18" s="16">
        <v>434</v>
      </c>
      <c r="K18" s="16">
        <v>1174</v>
      </c>
      <c r="L18" s="16">
        <v>795</v>
      </c>
      <c r="M18" s="16">
        <v>378</v>
      </c>
      <c r="N18" s="15">
        <v>6.5</v>
      </c>
      <c r="O18" s="15">
        <v>19</v>
      </c>
      <c r="P18" s="15">
        <v>-12.9</v>
      </c>
      <c r="Q18" s="15">
        <v>3.7</v>
      </c>
      <c r="R18" s="15">
        <v>4.4000000000000004</v>
      </c>
      <c r="S18" s="15">
        <v>0.7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90</v>
      </c>
      <c r="F19" s="16">
        <v>84</v>
      </c>
      <c r="G19" s="17">
        <v>-6.7</v>
      </c>
      <c r="H19" s="16">
        <v>957</v>
      </c>
      <c r="I19" s="16">
        <v>751</v>
      </c>
      <c r="J19" s="16">
        <v>206</v>
      </c>
      <c r="K19" s="16">
        <v>900</v>
      </c>
      <c r="L19" s="16">
        <v>712</v>
      </c>
      <c r="M19" s="16">
        <v>188</v>
      </c>
      <c r="N19" s="15">
        <v>-6</v>
      </c>
      <c r="O19" s="15">
        <v>-5.2</v>
      </c>
      <c r="P19" s="15">
        <v>-8.6999999999999993</v>
      </c>
      <c r="Q19" s="15">
        <v>10.6</v>
      </c>
      <c r="R19" s="15">
        <v>10.7</v>
      </c>
      <c r="S19" s="15">
        <v>0.1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593</v>
      </c>
      <c r="F20" s="16">
        <v>544</v>
      </c>
      <c r="G20" s="17">
        <v>-8.3000000000000007</v>
      </c>
      <c r="H20" s="16">
        <v>3363</v>
      </c>
      <c r="I20" s="16">
        <v>1349</v>
      </c>
      <c r="J20" s="16">
        <v>1974</v>
      </c>
      <c r="K20" s="16">
        <v>2875</v>
      </c>
      <c r="L20" s="16">
        <v>1195</v>
      </c>
      <c r="M20" s="16">
        <v>1637</v>
      </c>
      <c r="N20" s="15">
        <v>-14.5</v>
      </c>
      <c r="O20" s="15">
        <v>-11.4</v>
      </c>
      <c r="P20" s="15">
        <v>-17.100000000000001</v>
      </c>
      <c r="Q20" s="15">
        <v>5.7</v>
      </c>
      <c r="R20" s="15">
        <v>5.3</v>
      </c>
      <c r="S20" s="15">
        <v>-0.4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294</v>
      </c>
      <c r="F21" s="16">
        <v>259</v>
      </c>
      <c r="G21" s="17">
        <v>-11.9</v>
      </c>
      <c r="H21" s="16">
        <v>1280</v>
      </c>
      <c r="I21" s="16">
        <v>613</v>
      </c>
      <c r="J21" s="16">
        <v>667</v>
      </c>
      <c r="K21" s="16">
        <v>1227</v>
      </c>
      <c r="L21" s="16">
        <v>621</v>
      </c>
      <c r="M21" s="16">
        <v>589</v>
      </c>
      <c r="N21" s="15">
        <v>-4.0999999999999996</v>
      </c>
      <c r="O21" s="15">
        <v>1.3</v>
      </c>
      <c r="P21" s="15">
        <v>-11.7</v>
      </c>
      <c r="Q21" s="15">
        <v>4.4000000000000004</v>
      </c>
      <c r="R21" s="15">
        <v>4.7</v>
      </c>
      <c r="S21" s="15">
        <v>0.3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59</v>
      </c>
      <c r="F22" s="16">
        <v>51</v>
      </c>
      <c r="G22" s="17">
        <v>-13.6</v>
      </c>
      <c r="H22" s="16">
        <v>535</v>
      </c>
      <c r="I22" s="16">
        <v>273</v>
      </c>
      <c r="J22" s="16">
        <v>262</v>
      </c>
      <c r="K22" s="16">
        <v>583</v>
      </c>
      <c r="L22" s="16">
        <v>271</v>
      </c>
      <c r="M22" s="16">
        <v>312</v>
      </c>
      <c r="N22" s="15">
        <v>9</v>
      </c>
      <c r="O22" s="15">
        <v>-0.7</v>
      </c>
      <c r="P22" s="15">
        <v>19.100000000000001</v>
      </c>
      <c r="Q22" s="15">
        <v>9.1</v>
      </c>
      <c r="R22" s="15">
        <v>11.4</v>
      </c>
      <c r="S22" s="15">
        <v>2.2999999999999998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265</v>
      </c>
      <c r="F23" s="16">
        <v>324</v>
      </c>
      <c r="G23" s="17">
        <v>22.3</v>
      </c>
      <c r="H23" s="16">
        <v>4237</v>
      </c>
      <c r="I23" s="16">
        <v>1224</v>
      </c>
      <c r="J23" s="16">
        <v>3013</v>
      </c>
      <c r="K23" s="16">
        <v>5161</v>
      </c>
      <c r="L23" s="16">
        <v>1555</v>
      </c>
      <c r="M23" s="16">
        <v>3600</v>
      </c>
      <c r="N23" s="15">
        <v>21.8</v>
      </c>
      <c r="O23" s="15">
        <v>27</v>
      </c>
      <c r="P23" s="15">
        <v>19.5</v>
      </c>
      <c r="Q23" s="15">
        <v>16</v>
      </c>
      <c r="R23" s="15">
        <v>15.9</v>
      </c>
      <c r="S23" s="15">
        <v>-0.1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1</v>
      </c>
      <c r="F24" s="16">
        <v>10</v>
      </c>
      <c r="G24" s="17">
        <v>-9.1</v>
      </c>
      <c r="H24" s="16">
        <v>98</v>
      </c>
      <c r="I24" s="16">
        <v>54</v>
      </c>
      <c r="J24" s="16">
        <v>44</v>
      </c>
      <c r="K24" s="16">
        <v>226</v>
      </c>
      <c r="L24" s="16">
        <v>150</v>
      </c>
      <c r="M24" s="16">
        <v>76</v>
      </c>
      <c r="N24" s="15">
        <v>130.6</v>
      </c>
      <c r="O24" s="15">
        <v>177.8</v>
      </c>
      <c r="P24" s="15">
        <v>72.7</v>
      </c>
      <c r="Q24" s="15">
        <v>8.9</v>
      </c>
      <c r="R24" s="15">
        <v>22.6</v>
      </c>
      <c r="S24" s="15">
        <v>13.7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24</v>
      </c>
      <c r="F25" s="10">
        <v>204</v>
      </c>
      <c r="G25" s="9">
        <v>-8.9</v>
      </c>
      <c r="H25" s="10">
        <v>4707</v>
      </c>
      <c r="I25" s="10">
        <v>3168</v>
      </c>
      <c r="J25" s="10">
        <v>1539</v>
      </c>
      <c r="K25" s="10">
        <v>3893</v>
      </c>
      <c r="L25" s="10">
        <v>2694</v>
      </c>
      <c r="M25" s="10">
        <v>1177</v>
      </c>
      <c r="N25" s="8">
        <v>-17.3</v>
      </c>
      <c r="O25" s="8">
        <v>-15</v>
      </c>
      <c r="P25" s="8">
        <v>-23.5</v>
      </c>
      <c r="Q25" s="8">
        <v>21</v>
      </c>
      <c r="R25" s="8">
        <v>19.100000000000001</v>
      </c>
      <c r="S25" s="8">
        <v>-1.9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horizontalDpi="300" verticalDpi="300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>
    <pageSetUpPr fitToPage="1"/>
  </sheetPr>
  <dimension ref="A1:T26"/>
  <sheetViews>
    <sheetView topLeftCell="A4" zoomScale="85" zoomScaleNormal="85" zoomScaleSheetLayoutView="85" workbookViewId="0">
      <selection activeCell="B1" sqref="B1:S1"/>
    </sheetView>
  </sheetViews>
  <sheetFormatPr defaultRowHeight="15.75" x14ac:dyDescent="0.4"/>
  <cols>
    <col min="1" max="1" width="4.875" style="2" bestFit="1" customWidth="1"/>
    <col min="2" max="2" width="1.25" style="1" customWidth="1"/>
    <col min="3" max="3" width="3.25" style="2" bestFit="1" customWidth="1"/>
    <col min="4" max="4" width="35" style="1" customWidth="1"/>
    <col min="5" max="7" width="8.75" style="1" customWidth="1"/>
    <col min="8" max="13" width="10.625" style="1" customWidth="1"/>
    <col min="14" max="16" width="8.625" style="1" customWidth="1"/>
    <col min="17" max="17" width="9.125" style="1" bestFit="1" customWidth="1"/>
    <col min="18" max="18" width="9.125" style="1" customWidth="1"/>
    <col min="19" max="19" width="9.125" style="1" bestFit="1" customWidth="1"/>
    <col min="20" max="20" width="4.25" style="1" customWidth="1"/>
    <col min="21" max="16384" width="9" style="1"/>
  </cols>
  <sheetData>
    <row r="1" spans="1:20" ht="52.5" customHeight="1" x14ac:dyDescent="0.4">
      <c r="A1" s="57"/>
      <c r="B1" s="56" t="s">
        <v>58</v>
      </c>
      <c r="C1" s="56"/>
      <c r="D1" s="56"/>
      <c r="E1" s="56"/>
      <c r="F1" s="56"/>
      <c r="G1" s="56"/>
      <c r="H1" s="56"/>
      <c r="I1" s="56"/>
      <c r="J1" s="56"/>
      <c r="K1" s="56"/>
      <c r="L1" s="56"/>
      <c r="M1" s="56"/>
      <c r="N1" s="56"/>
      <c r="O1" s="56"/>
      <c r="P1" s="56"/>
      <c r="Q1" s="56"/>
      <c r="R1" s="56"/>
      <c r="S1" s="56"/>
    </row>
    <row r="2" spans="1:20" s="3" customFormat="1" ht="19.5" customHeight="1" x14ac:dyDescent="0.4">
      <c r="A2" s="40" t="s">
        <v>57</v>
      </c>
      <c r="B2" s="55"/>
      <c r="C2" s="55"/>
      <c r="D2" s="55"/>
      <c r="E2" s="42" t="s">
        <v>66</v>
      </c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37" t="s">
        <v>55</v>
      </c>
    </row>
    <row r="3" spans="1:20" s="3" customFormat="1" ht="19.5" customHeight="1" x14ac:dyDescent="0.4">
      <c r="A3" s="40"/>
      <c r="B3" s="55"/>
      <c r="C3" s="55"/>
      <c r="D3" s="55"/>
      <c r="E3" s="48" t="s">
        <v>54</v>
      </c>
      <c r="F3" s="54"/>
      <c r="G3" s="46"/>
      <c r="H3" s="42" t="s">
        <v>53</v>
      </c>
      <c r="I3" s="41"/>
      <c r="J3" s="41"/>
      <c r="K3" s="41"/>
      <c r="L3" s="41"/>
      <c r="M3" s="41"/>
      <c r="N3" s="41"/>
      <c r="O3" s="41"/>
      <c r="P3" s="40"/>
      <c r="Q3" s="53" t="s">
        <v>52</v>
      </c>
      <c r="R3" s="52"/>
      <c r="S3" s="52"/>
      <c r="T3" s="36"/>
    </row>
    <row r="4" spans="1:20" s="3" customFormat="1" ht="19.5" customHeight="1" x14ac:dyDescent="0.4">
      <c r="A4" s="46"/>
      <c r="B4" s="43"/>
      <c r="C4" s="43"/>
      <c r="D4" s="43"/>
      <c r="E4" s="43" t="s">
        <v>49</v>
      </c>
      <c r="F4" s="48" t="s">
        <v>48</v>
      </c>
      <c r="G4" s="51"/>
      <c r="H4" s="37" t="s">
        <v>51</v>
      </c>
      <c r="I4" s="50"/>
      <c r="J4" s="49"/>
      <c r="K4" s="37" t="s">
        <v>50</v>
      </c>
      <c r="L4" s="41"/>
      <c r="M4" s="41"/>
      <c r="N4" s="41"/>
      <c r="O4" s="41"/>
      <c r="P4" s="40"/>
      <c r="Q4" s="44" t="s">
        <v>49</v>
      </c>
      <c r="R4" s="48" t="s">
        <v>48</v>
      </c>
      <c r="S4" s="47"/>
      <c r="T4" s="36"/>
    </row>
    <row r="5" spans="1:20" s="3" customFormat="1" ht="19.5" customHeight="1" x14ac:dyDescent="0.4">
      <c r="A5" s="46"/>
      <c r="B5" s="43"/>
      <c r="C5" s="43"/>
      <c r="D5" s="43"/>
      <c r="E5" s="45"/>
      <c r="F5" s="38"/>
      <c r="G5" s="44" t="s">
        <v>47</v>
      </c>
      <c r="H5" s="36"/>
      <c r="I5" s="43" t="s">
        <v>46</v>
      </c>
      <c r="J5" s="43" t="s">
        <v>45</v>
      </c>
      <c r="K5" s="36"/>
      <c r="L5" s="43" t="s">
        <v>46</v>
      </c>
      <c r="M5" s="43" t="s">
        <v>45</v>
      </c>
      <c r="N5" s="42" t="s">
        <v>44</v>
      </c>
      <c r="O5" s="41"/>
      <c r="P5" s="40"/>
      <c r="Q5" s="39"/>
      <c r="R5" s="38"/>
      <c r="S5" s="37" t="s">
        <v>43</v>
      </c>
      <c r="T5" s="36"/>
    </row>
    <row r="6" spans="1:20" s="3" customFormat="1" ht="19.5" customHeight="1" thickBot="1" x14ac:dyDescent="0.45">
      <c r="A6" s="35"/>
      <c r="B6" s="34"/>
      <c r="C6" s="34"/>
      <c r="D6" s="34"/>
      <c r="E6" s="33"/>
      <c r="F6" s="30"/>
      <c r="G6" s="31"/>
      <c r="H6" s="29"/>
      <c r="I6" s="33"/>
      <c r="J6" s="33"/>
      <c r="K6" s="29"/>
      <c r="L6" s="33"/>
      <c r="M6" s="33"/>
      <c r="N6" s="32" t="s">
        <v>42</v>
      </c>
      <c r="O6" s="32" t="s">
        <v>41</v>
      </c>
      <c r="P6" s="32" t="s">
        <v>40</v>
      </c>
      <c r="Q6" s="31"/>
      <c r="R6" s="30"/>
      <c r="S6" s="29"/>
      <c r="T6" s="29"/>
    </row>
    <row r="7" spans="1:20" s="21" customFormat="1" ht="21" customHeight="1" thickTop="1" x14ac:dyDescent="0.4">
      <c r="A7" s="28" t="s">
        <v>38</v>
      </c>
      <c r="B7" s="27" t="s">
        <v>39</v>
      </c>
      <c r="C7" s="27"/>
      <c r="D7" s="26"/>
      <c r="E7" s="24">
        <v>3646</v>
      </c>
      <c r="F7" s="24">
        <v>3250</v>
      </c>
      <c r="G7" s="25">
        <v>-10.9</v>
      </c>
      <c r="H7" s="24">
        <v>29839</v>
      </c>
      <c r="I7" s="24">
        <v>19315</v>
      </c>
      <c r="J7" s="24">
        <v>10490</v>
      </c>
      <c r="K7" s="24">
        <v>28894</v>
      </c>
      <c r="L7" s="24">
        <v>18192</v>
      </c>
      <c r="M7" s="24">
        <v>10570</v>
      </c>
      <c r="N7" s="23">
        <v>-3.2</v>
      </c>
      <c r="O7" s="23">
        <v>-5.8</v>
      </c>
      <c r="P7" s="23">
        <v>0.8</v>
      </c>
      <c r="Q7" s="23">
        <v>8.1999999999999993</v>
      </c>
      <c r="R7" s="23">
        <v>8.9</v>
      </c>
      <c r="S7" s="23">
        <v>0.7</v>
      </c>
      <c r="T7" s="22" t="s">
        <v>38</v>
      </c>
    </row>
    <row r="8" spans="1:20" s="6" customFormat="1" ht="18.75" customHeight="1" x14ac:dyDescent="0.4">
      <c r="A8" s="20" t="s">
        <v>36</v>
      </c>
      <c r="B8" s="19" t="s">
        <v>37</v>
      </c>
      <c r="C8" s="19"/>
      <c r="D8" s="18"/>
      <c r="E8" s="16" t="s">
        <v>34</v>
      </c>
      <c r="F8" s="16" t="s">
        <v>34</v>
      </c>
      <c r="G8" s="17" t="s">
        <v>34</v>
      </c>
      <c r="H8" s="16" t="s">
        <v>34</v>
      </c>
      <c r="I8" s="16" t="s">
        <v>34</v>
      </c>
      <c r="J8" s="16" t="s">
        <v>34</v>
      </c>
      <c r="K8" s="16" t="s">
        <v>34</v>
      </c>
      <c r="L8" s="16" t="s">
        <v>34</v>
      </c>
      <c r="M8" s="16" t="s">
        <v>34</v>
      </c>
      <c r="N8" s="15" t="s">
        <v>34</v>
      </c>
      <c r="O8" s="15" t="s">
        <v>34</v>
      </c>
      <c r="P8" s="15" t="s">
        <v>34</v>
      </c>
      <c r="Q8" s="15" t="s">
        <v>34</v>
      </c>
      <c r="R8" s="15" t="s">
        <v>34</v>
      </c>
      <c r="S8" s="15" t="s">
        <v>34</v>
      </c>
      <c r="T8" s="14" t="s">
        <v>36</v>
      </c>
    </row>
    <row r="9" spans="1:20" s="6" customFormat="1" ht="18.75" customHeight="1" x14ac:dyDescent="0.4">
      <c r="A9" s="20" t="s">
        <v>33</v>
      </c>
      <c r="B9" s="19" t="s">
        <v>35</v>
      </c>
      <c r="C9" s="19"/>
      <c r="D9" s="18"/>
      <c r="E9" s="16" t="s">
        <v>34</v>
      </c>
      <c r="F9" s="16" t="s">
        <v>34</v>
      </c>
      <c r="G9" s="17" t="s">
        <v>34</v>
      </c>
      <c r="H9" s="16" t="s">
        <v>34</v>
      </c>
      <c r="I9" s="16" t="s">
        <v>34</v>
      </c>
      <c r="J9" s="16" t="s">
        <v>34</v>
      </c>
      <c r="K9" s="16" t="s">
        <v>34</v>
      </c>
      <c r="L9" s="16" t="s">
        <v>34</v>
      </c>
      <c r="M9" s="16" t="s">
        <v>34</v>
      </c>
      <c r="N9" s="15" t="s">
        <v>34</v>
      </c>
      <c r="O9" s="15" t="s">
        <v>34</v>
      </c>
      <c r="P9" s="15" t="s">
        <v>34</v>
      </c>
      <c r="Q9" s="15" t="s">
        <v>34</v>
      </c>
      <c r="R9" s="15" t="s">
        <v>34</v>
      </c>
      <c r="S9" s="15" t="s">
        <v>34</v>
      </c>
      <c r="T9" s="14" t="s">
        <v>33</v>
      </c>
    </row>
    <row r="10" spans="1:20" s="6" customFormat="1" ht="18.75" customHeight="1" x14ac:dyDescent="0.4">
      <c r="A10" s="20" t="s">
        <v>31</v>
      </c>
      <c r="B10" s="19" t="s">
        <v>32</v>
      </c>
      <c r="C10" s="19"/>
      <c r="D10" s="18"/>
      <c r="E10" s="16" t="s">
        <v>34</v>
      </c>
      <c r="F10" s="16" t="s">
        <v>34</v>
      </c>
      <c r="G10" s="17" t="s">
        <v>34</v>
      </c>
      <c r="H10" s="16" t="s">
        <v>34</v>
      </c>
      <c r="I10" s="16" t="s">
        <v>34</v>
      </c>
      <c r="J10" s="16" t="s">
        <v>34</v>
      </c>
      <c r="K10" s="16" t="s">
        <v>34</v>
      </c>
      <c r="L10" s="16" t="s">
        <v>34</v>
      </c>
      <c r="M10" s="16" t="s">
        <v>34</v>
      </c>
      <c r="N10" s="15" t="s">
        <v>34</v>
      </c>
      <c r="O10" s="15" t="s">
        <v>34</v>
      </c>
      <c r="P10" s="15" t="s">
        <v>34</v>
      </c>
      <c r="Q10" s="15" t="s">
        <v>34</v>
      </c>
      <c r="R10" s="15" t="s">
        <v>34</v>
      </c>
      <c r="S10" s="15" t="s">
        <v>34</v>
      </c>
      <c r="T10" s="14" t="s">
        <v>31</v>
      </c>
    </row>
    <row r="11" spans="1:20" s="6" customFormat="1" ht="18.75" customHeight="1" x14ac:dyDescent="0.4">
      <c r="A11" s="20" t="s">
        <v>29</v>
      </c>
      <c r="B11" s="19" t="s">
        <v>30</v>
      </c>
      <c r="C11" s="19"/>
      <c r="D11" s="18"/>
      <c r="E11" s="16">
        <v>308</v>
      </c>
      <c r="F11" s="16">
        <v>280</v>
      </c>
      <c r="G11" s="17">
        <v>-9.1</v>
      </c>
      <c r="H11" s="16">
        <v>2368</v>
      </c>
      <c r="I11" s="16">
        <v>1985</v>
      </c>
      <c r="J11" s="16">
        <v>383</v>
      </c>
      <c r="K11" s="16">
        <v>2446</v>
      </c>
      <c r="L11" s="16">
        <v>2082</v>
      </c>
      <c r="M11" s="16">
        <v>360</v>
      </c>
      <c r="N11" s="15">
        <v>3.3</v>
      </c>
      <c r="O11" s="15">
        <v>4.9000000000000004</v>
      </c>
      <c r="P11" s="15">
        <v>-6</v>
      </c>
      <c r="Q11" s="15">
        <v>7.7</v>
      </c>
      <c r="R11" s="15">
        <v>8.6999999999999993</v>
      </c>
      <c r="S11" s="15">
        <v>1</v>
      </c>
      <c r="T11" s="14" t="s">
        <v>29</v>
      </c>
    </row>
    <row r="12" spans="1:20" s="6" customFormat="1" ht="18.75" customHeight="1" x14ac:dyDescent="0.4">
      <c r="A12" s="20" t="s">
        <v>27</v>
      </c>
      <c r="B12" s="19" t="s">
        <v>28</v>
      </c>
      <c r="C12" s="19"/>
      <c r="D12" s="18"/>
      <c r="E12" s="16">
        <v>532</v>
      </c>
      <c r="F12" s="16">
        <v>479</v>
      </c>
      <c r="G12" s="17">
        <v>-10</v>
      </c>
      <c r="H12" s="16">
        <v>6797</v>
      </c>
      <c r="I12" s="16">
        <v>5556</v>
      </c>
      <c r="J12" s="16">
        <v>1241</v>
      </c>
      <c r="K12" s="16">
        <v>6173</v>
      </c>
      <c r="L12" s="16">
        <v>4835</v>
      </c>
      <c r="M12" s="16">
        <v>1338</v>
      </c>
      <c r="N12" s="15">
        <v>-9.1999999999999993</v>
      </c>
      <c r="O12" s="15">
        <v>-13</v>
      </c>
      <c r="P12" s="15">
        <v>7.8</v>
      </c>
      <c r="Q12" s="15">
        <v>12.8</v>
      </c>
      <c r="R12" s="15">
        <v>12.9</v>
      </c>
      <c r="S12" s="15">
        <v>0.1</v>
      </c>
      <c r="T12" s="14" t="s">
        <v>27</v>
      </c>
    </row>
    <row r="13" spans="1:20" s="6" customFormat="1" ht="18.75" customHeight="1" x14ac:dyDescent="0.4">
      <c r="A13" s="20" t="s">
        <v>25</v>
      </c>
      <c r="B13" s="19" t="s">
        <v>26</v>
      </c>
      <c r="C13" s="19"/>
      <c r="D13" s="18"/>
      <c r="E13" s="16">
        <v>1</v>
      </c>
      <c r="F13" s="16">
        <v>2</v>
      </c>
      <c r="G13" s="17">
        <v>100</v>
      </c>
      <c r="H13" s="16">
        <v>1</v>
      </c>
      <c r="I13" s="16">
        <v>1</v>
      </c>
      <c r="J13" s="16" t="s">
        <v>34</v>
      </c>
      <c r="K13" s="16">
        <v>17</v>
      </c>
      <c r="L13" s="16">
        <v>17</v>
      </c>
      <c r="M13" s="16" t="s">
        <v>34</v>
      </c>
      <c r="N13" s="15">
        <v>1600</v>
      </c>
      <c r="O13" s="15">
        <v>1600</v>
      </c>
      <c r="P13" s="15" t="s">
        <v>34</v>
      </c>
      <c r="Q13" s="15">
        <v>1</v>
      </c>
      <c r="R13" s="15">
        <v>8.5</v>
      </c>
      <c r="S13" s="15">
        <v>7.5</v>
      </c>
      <c r="T13" s="14" t="s">
        <v>25</v>
      </c>
    </row>
    <row r="14" spans="1:20" s="6" customFormat="1" ht="18.75" customHeight="1" x14ac:dyDescent="0.4">
      <c r="A14" s="20" t="s">
        <v>23</v>
      </c>
      <c r="B14" s="19" t="s">
        <v>24</v>
      </c>
      <c r="C14" s="19"/>
      <c r="D14" s="18"/>
      <c r="E14" s="16">
        <v>10</v>
      </c>
      <c r="F14" s="16">
        <v>5</v>
      </c>
      <c r="G14" s="17">
        <v>-50</v>
      </c>
      <c r="H14" s="16">
        <v>65</v>
      </c>
      <c r="I14" s="16">
        <v>50</v>
      </c>
      <c r="J14" s="16">
        <v>15</v>
      </c>
      <c r="K14" s="16">
        <v>43</v>
      </c>
      <c r="L14" s="16">
        <v>39</v>
      </c>
      <c r="M14" s="16">
        <v>4</v>
      </c>
      <c r="N14" s="15">
        <v>-33.799999999999997</v>
      </c>
      <c r="O14" s="15">
        <v>-22</v>
      </c>
      <c r="P14" s="15">
        <v>-73.3</v>
      </c>
      <c r="Q14" s="15">
        <v>6.5</v>
      </c>
      <c r="R14" s="15">
        <v>8.6</v>
      </c>
      <c r="S14" s="15">
        <v>2.1</v>
      </c>
      <c r="T14" s="14" t="s">
        <v>23</v>
      </c>
    </row>
    <row r="15" spans="1:20" s="6" customFormat="1" ht="18.75" customHeight="1" x14ac:dyDescent="0.4">
      <c r="A15" s="20" t="s">
        <v>21</v>
      </c>
      <c r="B15" s="19" t="s">
        <v>22</v>
      </c>
      <c r="C15" s="19"/>
      <c r="D15" s="18"/>
      <c r="E15" s="16">
        <v>213</v>
      </c>
      <c r="F15" s="16">
        <v>199</v>
      </c>
      <c r="G15" s="17">
        <v>-6.6</v>
      </c>
      <c r="H15" s="16">
        <v>3546</v>
      </c>
      <c r="I15" s="16">
        <v>3002</v>
      </c>
      <c r="J15" s="16">
        <v>544</v>
      </c>
      <c r="K15" s="16">
        <v>3148</v>
      </c>
      <c r="L15" s="16">
        <v>2638</v>
      </c>
      <c r="M15" s="16">
        <v>502</v>
      </c>
      <c r="N15" s="15">
        <v>-11.2</v>
      </c>
      <c r="O15" s="15">
        <v>-12.1</v>
      </c>
      <c r="P15" s="15">
        <v>-7.7</v>
      </c>
      <c r="Q15" s="15">
        <v>16.600000000000001</v>
      </c>
      <c r="R15" s="15">
        <v>15.8</v>
      </c>
      <c r="S15" s="15">
        <v>-0.8</v>
      </c>
      <c r="T15" s="14" t="s">
        <v>21</v>
      </c>
    </row>
    <row r="16" spans="1:20" s="6" customFormat="1" ht="18.75" customHeight="1" x14ac:dyDescent="0.4">
      <c r="A16" s="20" t="s">
        <v>19</v>
      </c>
      <c r="B16" s="19" t="s">
        <v>20</v>
      </c>
      <c r="C16" s="19"/>
      <c r="D16" s="18"/>
      <c r="E16" s="16">
        <v>931</v>
      </c>
      <c r="F16" s="16">
        <v>800</v>
      </c>
      <c r="G16" s="17">
        <v>-14.1</v>
      </c>
      <c r="H16" s="16">
        <v>5944</v>
      </c>
      <c r="I16" s="16">
        <v>3399</v>
      </c>
      <c r="J16" s="16">
        <v>2537</v>
      </c>
      <c r="K16" s="16">
        <v>5602</v>
      </c>
      <c r="L16" s="16">
        <v>3197</v>
      </c>
      <c r="M16" s="16">
        <v>2402</v>
      </c>
      <c r="N16" s="15">
        <v>-5.8</v>
      </c>
      <c r="O16" s="15">
        <v>-5.9</v>
      </c>
      <c r="P16" s="15">
        <v>-5.3</v>
      </c>
      <c r="Q16" s="15">
        <v>6.4</v>
      </c>
      <c r="R16" s="15">
        <v>7</v>
      </c>
      <c r="S16" s="15">
        <v>0.6</v>
      </c>
      <c r="T16" s="14" t="s">
        <v>19</v>
      </c>
    </row>
    <row r="17" spans="1:20" s="6" customFormat="1" ht="18.75" customHeight="1" x14ac:dyDescent="0.4">
      <c r="A17" s="20" t="s">
        <v>17</v>
      </c>
      <c r="B17" s="19" t="s">
        <v>18</v>
      </c>
      <c r="C17" s="19"/>
      <c r="D17" s="18"/>
      <c r="E17" s="16">
        <v>22</v>
      </c>
      <c r="F17" s="16">
        <v>22</v>
      </c>
      <c r="G17" s="17">
        <v>0</v>
      </c>
      <c r="H17" s="16">
        <v>250</v>
      </c>
      <c r="I17" s="16">
        <v>99</v>
      </c>
      <c r="J17" s="16">
        <v>151</v>
      </c>
      <c r="K17" s="16">
        <v>299</v>
      </c>
      <c r="L17" s="16">
        <v>94</v>
      </c>
      <c r="M17" s="16">
        <v>203</v>
      </c>
      <c r="N17" s="15">
        <v>19.600000000000001</v>
      </c>
      <c r="O17" s="15">
        <v>-5.0999999999999996</v>
      </c>
      <c r="P17" s="15">
        <v>34.4</v>
      </c>
      <c r="Q17" s="15">
        <v>11.4</v>
      </c>
      <c r="R17" s="15">
        <v>13.6</v>
      </c>
      <c r="S17" s="15">
        <v>2.2000000000000002</v>
      </c>
      <c r="T17" s="14" t="s">
        <v>17</v>
      </c>
    </row>
    <row r="18" spans="1:20" s="6" customFormat="1" ht="18.75" customHeight="1" x14ac:dyDescent="0.4">
      <c r="A18" s="20" t="s">
        <v>15</v>
      </c>
      <c r="B18" s="19" t="s">
        <v>16</v>
      </c>
      <c r="C18" s="19"/>
      <c r="D18" s="18"/>
      <c r="E18" s="16">
        <v>263</v>
      </c>
      <c r="F18" s="16">
        <v>207</v>
      </c>
      <c r="G18" s="17">
        <v>-21.3</v>
      </c>
      <c r="H18" s="16">
        <v>795</v>
      </c>
      <c r="I18" s="16">
        <v>495</v>
      </c>
      <c r="J18" s="16">
        <v>300</v>
      </c>
      <c r="K18" s="16">
        <v>740</v>
      </c>
      <c r="L18" s="16">
        <v>478</v>
      </c>
      <c r="M18" s="16">
        <v>262</v>
      </c>
      <c r="N18" s="15">
        <v>-6.9</v>
      </c>
      <c r="O18" s="15">
        <v>-3.4</v>
      </c>
      <c r="P18" s="15">
        <v>-12.7</v>
      </c>
      <c r="Q18" s="15">
        <v>3</v>
      </c>
      <c r="R18" s="15">
        <v>3.6</v>
      </c>
      <c r="S18" s="15">
        <v>0.6</v>
      </c>
      <c r="T18" s="14" t="s">
        <v>15</v>
      </c>
    </row>
    <row r="19" spans="1:20" s="6" customFormat="1" ht="18.75" customHeight="1" x14ac:dyDescent="0.4">
      <c r="A19" s="20" t="s">
        <v>13</v>
      </c>
      <c r="B19" s="19" t="s">
        <v>14</v>
      </c>
      <c r="C19" s="19"/>
      <c r="D19" s="18"/>
      <c r="E19" s="16">
        <v>59</v>
      </c>
      <c r="F19" s="16">
        <v>57</v>
      </c>
      <c r="G19" s="17">
        <v>-3.4</v>
      </c>
      <c r="H19" s="16">
        <v>524</v>
      </c>
      <c r="I19" s="16">
        <v>417</v>
      </c>
      <c r="J19" s="16">
        <v>107</v>
      </c>
      <c r="K19" s="16">
        <v>806</v>
      </c>
      <c r="L19" s="16">
        <v>676</v>
      </c>
      <c r="M19" s="16">
        <v>130</v>
      </c>
      <c r="N19" s="15">
        <v>53.8</v>
      </c>
      <c r="O19" s="15">
        <v>62.1</v>
      </c>
      <c r="P19" s="15">
        <v>21.5</v>
      </c>
      <c r="Q19" s="15">
        <v>8.9</v>
      </c>
      <c r="R19" s="15">
        <v>14.1</v>
      </c>
      <c r="S19" s="15">
        <v>5.2</v>
      </c>
      <c r="T19" s="14" t="s">
        <v>13</v>
      </c>
    </row>
    <row r="20" spans="1:20" s="6" customFormat="1" ht="18.75" customHeight="1" x14ac:dyDescent="0.4">
      <c r="A20" s="20" t="s">
        <v>11</v>
      </c>
      <c r="B20" s="19" t="s">
        <v>12</v>
      </c>
      <c r="C20" s="19"/>
      <c r="D20" s="18"/>
      <c r="E20" s="16">
        <v>586</v>
      </c>
      <c r="F20" s="16">
        <v>511</v>
      </c>
      <c r="G20" s="17">
        <v>-12.8</v>
      </c>
      <c r="H20" s="16">
        <v>2533</v>
      </c>
      <c r="I20" s="16">
        <v>1029</v>
      </c>
      <c r="J20" s="16">
        <v>1479</v>
      </c>
      <c r="K20" s="16">
        <v>2298</v>
      </c>
      <c r="L20" s="16">
        <v>984</v>
      </c>
      <c r="M20" s="16">
        <v>1306</v>
      </c>
      <c r="N20" s="15">
        <v>-9.3000000000000007</v>
      </c>
      <c r="O20" s="15">
        <v>-4.4000000000000004</v>
      </c>
      <c r="P20" s="15">
        <v>-11.7</v>
      </c>
      <c r="Q20" s="15">
        <v>4.3</v>
      </c>
      <c r="R20" s="15">
        <v>4.5</v>
      </c>
      <c r="S20" s="15">
        <v>0.2</v>
      </c>
      <c r="T20" s="14" t="s">
        <v>11</v>
      </c>
    </row>
    <row r="21" spans="1:20" s="6" customFormat="1" ht="18.75" customHeight="1" x14ac:dyDescent="0.4">
      <c r="A21" s="20" t="s">
        <v>9</v>
      </c>
      <c r="B21" s="19" t="s">
        <v>10</v>
      </c>
      <c r="C21" s="19"/>
      <c r="D21" s="18"/>
      <c r="E21" s="16">
        <v>255</v>
      </c>
      <c r="F21" s="16">
        <v>212</v>
      </c>
      <c r="G21" s="17">
        <v>-16.899999999999999</v>
      </c>
      <c r="H21" s="16">
        <v>910</v>
      </c>
      <c r="I21" s="16">
        <v>407</v>
      </c>
      <c r="J21" s="16">
        <v>502</v>
      </c>
      <c r="K21" s="16">
        <v>671</v>
      </c>
      <c r="L21" s="16">
        <v>289</v>
      </c>
      <c r="M21" s="16">
        <v>377</v>
      </c>
      <c r="N21" s="15">
        <v>-26.3</v>
      </c>
      <c r="O21" s="15">
        <v>-29</v>
      </c>
      <c r="P21" s="15">
        <v>-24.9</v>
      </c>
      <c r="Q21" s="15">
        <v>3.6</v>
      </c>
      <c r="R21" s="15">
        <v>3.2</v>
      </c>
      <c r="S21" s="15">
        <v>-0.4</v>
      </c>
      <c r="T21" s="14" t="s">
        <v>9</v>
      </c>
    </row>
    <row r="22" spans="1:20" s="6" customFormat="1" ht="18.75" customHeight="1" x14ac:dyDescent="0.4">
      <c r="A22" s="20" t="s">
        <v>7</v>
      </c>
      <c r="B22" s="19" t="s">
        <v>8</v>
      </c>
      <c r="C22" s="19"/>
      <c r="D22" s="18"/>
      <c r="E22" s="16">
        <v>45</v>
      </c>
      <c r="F22" s="16">
        <v>46</v>
      </c>
      <c r="G22" s="17">
        <v>2.2000000000000002</v>
      </c>
      <c r="H22" s="16">
        <v>344</v>
      </c>
      <c r="I22" s="16">
        <v>195</v>
      </c>
      <c r="J22" s="16">
        <v>149</v>
      </c>
      <c r="K22" s="16">
        <v>394</v>
      </c>
      <c r="L22" s="16">
        <v>225</v>
      </c>
      <c r="M22" s="16">
        <v>167</v>
      </c>
      <c r="N22" s="15">
        <v>14.5</v>
      </c>
      <c r="O22" s="15">
        <v>15.4</v>
      </c>
      <c r="P22" s="15">
        <v>12.1</v>
      </c>
      <c r="Q22" s="15">
        <v>7.6</v>
      </c>
      <c r="R22" s="15">
        <v>8.6</v>
      </c>
      <c r="S22" s="15">
        <v>1</v>
      </c>
      <c r="T22" s="14" t="s">
        <v>7</v>
      </c>
    </row>
    <row r="23" spans="1:20" s="6" customFormat="1" ht="18.75" customHeight="1" x14ac:dyDescent="0.4">
      <c r="A23" s="20" t="s">
        <v>5</v>
      </c>
      <c r="B23" s="19" t="s">
        <v>6</v>
      </c>
      <c r="C23" s="19"/>
      <c r="D23" s="18"/>
      <c r="E23" s="16">
        <v>209</v>
      </c>
      <c r="F23" s="16">
        <v>250</v>
      </c>
      <c r="G23" s="17">
        <v>19.600000000000001</v>
      </c>
      <c r="H23" s="16">
        <v>3404</v>
      </c>
      <c r="I23" s="16">
        <v>1052</v>
      </c>
      <c r="J23" s="16">
        <v>2352</v>
      </c>
      <c r="K23" s="16">
        <v>4169</v>
      </c>
      <c r="L23" s="16">
        <v>1254</v>
      </c>
      <c r="M23" s="16">
        <v>2815</v>
      </c>
      <c r="N23" s="15">
        <v>22.5</v>
      </c>
      <c r="O23" s="15">
        <v>19.2</v>
      </c>
      <c r="P23" s="15">
        <v>19.7</v>
      </c>
      <c r="Q23" s="15">
        <v>16.3</v>
      </c>
      <c r="R23" s="15">
        <v>16.7</v>
      </c>
      <c r="S23" s="15">
        <v>0.4</v>
      </c>
      <c r="T23" s="14" t="s">
        <v>5</v>
      </c>
    </row>
    <row r="24" spans="1:20" s="6" customFormat="1" ht="18.75" customHeight="1" x14ac:dyDescent="0.4">
      <c r="A24" s="20" t="s">
        <v>3</v>
      </c>
      <c r="B24" s="19" t="s">
        <v>4</v>
      </c>
      <c r="C24" s="19"/>
      <c r="D24" s="18"/>
      <c r="E24" s="16">
        <v>10</v>
      </c>
      <c r="F24" s="16">
        <v>10</v>
      </c>
      <c r="G24" s="17">
        <v>0</v>
      </c>
      <c r="H24" s="16">
        <v>85</v>
      </c>
      <c r="I24" s="16">
        <v>44</v>
      </c>
      <c r="J24" s="16">
        <v>41</v>
      </c>
      <c r="K24" s="16">
        <v>223</v>
      </c>
      <c r="L24" s="16">
        <v>142</v>
      </c>
      <c r="M24" s="16">
        <v>81</v>
      </c>
      <c r="N24" s="15">
        <v>162.4</v>
      </c>
      <c r="O24" s="15">
        <v>222.7</v>
      </c>
      <c r="P24" s="15">
        <v>97.6</v>
      </c>
      <c r="Q24" s="15">
        <v>8.5</v>
      </c>
      <c r="R24" s="15">
        <v>22.3</v>
      </c>
      <c r="S24" s="15">
        <v>13.8</v>
      </c>
      <c r="T24" s="14" t="s">
        <v>3</v>
      </c>
    </row>
    <row r="25" spans="1:20" s="6" customFormat="1" ht="18.75" customHeight="1" x14ac:dyDescent="0.4">
      <c r="A25" s="13" t="s">
        <v>1</v>
      </c>
      <c r="B25" s="12" t="s">
        <v>2</v>
      </c>
      <c r="C25" s="12"/>
      <c r="D25" s="11"/>
      <c r="E25" s="10">
        <v>201</v>
      </c>
      <c r="F25" s="10">
        <v>170</v>
      </c>
      <c r="G25" s="9">
        <v>-15.4</v>
      </c>
      <c r="H25" s="10">
        <v>2263</v>
      </c>
      <c r="I25" s="10">
        <v>1575</v>
      </c>
      <c r="J25" s="10">
        <v>688</v>
      </c>
      <c r="K25" s="10">
        <v>1865</v>
      </c>
      <c r="L25" s="10">
        <v>1242</v>
      </c>
      <c r="M25" s="10">
        <v>623</v>
      </c>
      <c r="N25" s="8">
        <v>-17.600000000000001</v>
      </c>
      <c r="O25" s="8">
        <v>-21.1</v>
      </c>
      <c r="P25" s="8">
        <v>-9.4</v>
      </c>
      <c r="Q25" s="8">
        <v>11.3</v>
      </c>
      <c r="R25" s="8">
        <v>11</v>
      </c>
      <c r="S25" s="8">
        <v>-0.3</v>
      </c>
      <c r="T25" s="7" t="s">
        <v>1</v>
      </c>
    </row>
    <row r="26" spans="1:20" x14ac:dyDescent="0.4">
      <c r="A26" s="5" t="s">
        <v>0</v>
      </c>
      <c r="B26" s="3"/>
      <c r="C26" s="4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</row>
  </sheetData>
  <mergeCells count="40">
    <mergeCell ref="T2:T6"/>
    <mergeCell ref="E2:S2"/>
    <mergeCell ref="B1:S1"/>
    <mergeCell ref="Q4:Q6"/>
    <mergeCell ref="R4:R6"/>
    <mergeCell ref="S5:S6"/>
    <mergeCell ref="N5:P5"/>
    <mergeCell ref="L4:P4"/>
    <mergeCell ref="Q3:S3"/>
    <mergeCell ref="H3:P3"/>
    <mergeCell ref="I5:I6"/>
    <mergeCell ref="J5:J6"/>
    <mergeCell ref="K4:K6"/>
    <mergeCell ref="L5:L6"/>
    <mergeCell ref="M5:M6"/>
    <mergeCell ref="A2:D6"/>
    <mergeCell ref="B8:D8"/>
    <mergeCell ref="E3:G3"/>
    <mergeCell ref="E4:E6"/>
    <mergeCell ref="F4:F6"/>
    <mergeCell ref="G5:G6"/>
    <mergeCell ref="H4:H6"/>
    <mergeCell ref="B7:D7"/>
    <mergeCell ref="B20:D20"/>
    <mergeCell ref="B9:D9"/>
    <mergeCell ref="B10:D10"/>
    <mergeCell ref="B11:D11"/>
    <mergeCell ref="B12:D12"/>
    <mergeCell ref="B13:D13"/>
    <mergeCell ref="B14:D14"/>
    <mergeCell ref="B21:D21"/>
    <mergeCell ref="B22:D22"/>
    <mergeCell ref="B23:D23"/>
    <mergeCell ref="B24:D24"/>
    <mergeCell ref="B25:D25"/>
    <mergeCell ref="B15:D15"/>
    <mergeCell ref="B16:D16"/>
    <mergeCell ref="B17:D17"/>
    <mergeCell ref="B18:D18"/>
    <mergeCell ref="B19:D19"/>
  </mergeCells>
  <phoneticPr fontId="3"/>
  <pageMargins left="0.39370078740157483" right="0.39370078740157483" top="0.55118110236220474" bottom="0.55118110236220474" header="0.31496062992125984" footer="0.31496062992125984"/>
  <pageSetup paperSize="9" scale="73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5</vt:i4>
      </vt:variant>
      <vt:variant>
        <vt:lpstr>名前付き一覧</vt:lpstr>
      </vt:variant>
      <vt:variant>
        <vt:i4>25</vt:i4>
      </vt:variant>
    </vt:vector>
  </HeadingPairs>
  <TitlesOfParts>
    <vt:vector size="50" baseType="lpstr">
      <vt:lpstr>大阪市</vt:lpstr>
      <vt:lpstr>1_北区</vt:lpstr>
      <vt:lpstr>2_都島区</vt:lpstr>
      <vt:lpstr>3_福島区</vt:lpstr>
      <vt:lpstr>4_此花区</vt:lpstr>
      <vt:lpstr>5_中央区</vt:lpstr>
      <vt:lpstr>6_西区</vt:lpstr>
      <vt:lpstr>7_港区</vt:lpstr>
      <vt:lpstr>8_大正区</vt:lpstr>
      <vt:lpstr>9_天王寺区</vt:lpstr>
      <vt:lpstr>10_浪速区</vt:lpstr>
      <vt:lpstr>11_西淀川区</vt:lpstr>
      <vt:lpstr>12_淀川区</vt:lpstr>
      <vt:lpstr>13_東淀川区</vt:lpstr>
      <vt:lpstr>14_東成区</vt:lpstr>
      <vt:lpstr>15_生野区</vt:lpstr>
      <vt:lpstr>16_旭区</vt:lpstr>
      <vt:lpstr>17_城東区</vt:lpstr>
      <vt:lpstr>18_鶴見区</vt:lpstr>
      <vt:lpstr>19_阿倍野区</vt:lpstr>
      <vt:lpstr>20_住之江区</vt:lpstr>
      <vt:lpstr>21_住吉区</vt:lpstr>
      <vt:lpstr>22_東住吉区</vt:lpstr>
      <vt:lpstr>23_平野区</vt:lpstr>
      <vt:lpstr>24_西成区</vt:lpstr>
      <vt:lpstr>'1_北区'!Print_Titles</vt:lpstr>
      <vt:lpstr>'10_浪速区'!Print_Titles</vt:lpstr>
      <vt:lpstr>'11_西淀川区'!Print_Titles</vt:lpstr>
      <vt:lpstr>'12_淀川区'!Print_Titles</vt:lpstr>
      <vt:lpstr>'13_東淀川区'!Print_Titles</vt:lpstr>
      <vt:lpstr>'14_東成区'!Print_Titles</vt:lpstr>
      <vt:lpstr>'15_生野区'!Print_Titles</vt:lpstr>
      <vt:lpstr>'16_旭区'!Print_Titles</vt:lpstr>
      <vt:lpstr>'17_城東区'!Print_Titles</vt:lpstr>
      <vt:lpstr>'18_鶴見区'!Print_Titles</vt:lpstr>
      <vt:lpstr>'19_阿倍野区'!Print_Titles</vt:lpstr>
      <vt:lpstr>'2_都島区'!Print_Titles</vt:lpstr>
      <vt:lpstr>'20_住之江区'!Print_Titles</vt:lpstr>
      <vt:lpstr>'21_住吉区'!Print_Titles</vt:lpstr>
      <vt:lpstr>'22_東住吉区'!Print_Titles</vt:lpstr>
      <vt:lpstr>'23_平野区'!Print_Titles</vt:lpstr>
      <vt:lpstr>'24_西成区'!Print_Titles</vt:lpstr>
      <vt:lpstr>'3_福島区'!Print_Titles</vt:lpstr>
      <vt:lpstr>'4_此花区'!Print_Titles</vt:lpstr>
      <vt:lpstr>'5_中央区'!Print_Titles</vt:lpstr>
      <vt:lpstr>'6_西区'!Print_Titles</vt:lpstr>
      <vt:lpstr>'7_港区'!Print_Titles</vt:lpstr>
      <vt:lpstr>'8_大正区'!Print_Titles</vt:lpstr>
      <vt:lpstr>'9_天王寺区'!Print_Titles</vt:lpstr>
      <vt:lpstr>大阪市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dcterms:created xsi:type="dcterms:W3CDTF">2021-09-10T06:06:11Z</dcterms:created>
  <dcterms:modified xsi:type="dcterms:W3CDTF">2021-09-10T06:06:46Z</dcterms:modified>
</cp:coreProperties>
</file>